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tags/tag89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5"/>
    <p:sldMasterId id="2147483809" r:id="rId6"/>
    <p:sldMasterId id="2147483821" r:id="rId7"/>
  </p:sldMasterIdLst>
  <p:notesMasterIdLst>
    <p:notesMasterId r:id="rId17"/>
  </p:notesMasterIdLst>
  <p:handoutMasterIdLst>
    <p:handoutMasterId r:id="rId18"/>
  </p:handoutMasterIdLst>
  <p:sldIdLst>
    <p:sldId id="259" r:id="rId8"/>
    <p:sldId id="2147483124" r:id="rId9"/>
    <p:sldId id="2147483138" r:id="rId10"/>
    <p:sldId id="256" r:id="rId11"/>
    <p:sldId id="2147483137" r:id="rId12"/>
    <p:sldId id="2147483130" r:id="rId13"/>
    <p:sldId id="2147483128" r:id="rId14"/>
    <p:sldId id="276" r:id="rId15"/>
    <p:sldId id="2147483133" r:id="rId16"/>
  </p:sldIdLst>
  <p:sldSz cx="12192000" cy="6858000"/>
  <p:notesSz cx="6858000" cy="9144000"/>
  <p:embeddedFontLst>
    <p:embeddedFont>
      <p:font typeface="Apis For Office" panose="020B0504010101010104" pitchFamily="34" charset="0"/>
      <p:regular r:id="rId19"/>
      <p:bold r:id="rId20"/>
      <p:italic r:id="rId21"/>
      <p:boldItalic r:id="rId22"/>
    </p:embeddedFont>
    <p:embeddedFont>
      <p:font typeface="Apis For Office Light" panose="020B0404010101010104" pitchFamily="34" charset="0"/>
      <p:regular r:id="rId23"/>
      <p:italic r:id="rId24"/>
    </p:embeddedFont>
    <p:embeddedFont>
      <p:font typeface="Verdana" panose="020B0604030504040204" pitchFamily="34" charset="0"/>
      <p:regular r:id="rId25"/>
      <p:bold r:id="rId26"/>
      <p:italic r:id="rId27"/>
      <p:boldItalic r:id="rId28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5444" autoAdjust="0"/>
  </p:normalViewPr>
  <p:slideViewPr>
    <p:cSldViewPr snapToGrid="0" showGuides="1">
      <p:cViewPr varScale="1">
        <p:scale>
          <a:sx n="102" d="100"/>
          <a:sy n="102" d="100"/>
        </p:scale>
        <p:origin x="954" y="31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0" d="100"/>
          <a:sy n="80" d="100"/>
        </p:scale>
        <p:origin x="3918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handoutMaster" Target="handoutMasters/handoutMaster1.xml"/><Relationship Id="rId26" Type="http://schemas.openxmlformats.org/officeDocument/2006/relationships/font" Target="fonts/font8.fntdata"/><Relationship Id="rId3" Type="http://schemas.openxmlformats.org/officeDocument/2006/relationships/customXml" Target="../customXml/item3.xml"/><Relationship Id="rId21" Type="http://schemas.openxmlformats.org/officeDocument/2006/relationships/font" Target="fonts/font3.fntdata"/><Relationship Id="rId7" Type="http://schemas.openxmlformats.org/officeDocument/2006/relationships/slideMaster" Target="slideMasters/slideMaster3.xml"/><Relationship Id="rId12" Type="http://schemas.openxmlformats.org/officeDocument/2006/relationships/slide" Target="slides/slide5.xml"/><Relationship Id="rId17" Type="http://schemas.openxmlformats.org/officeDocument/2006/relationships/notesMaster" Target="notesMasters/notesMaster1.xml"/><Relationship Id="rId25" Type="http://schemas.openxmlformats.org/officeDocument/2006/relationships/font" Target="fonts/font7.fntdata"/><Relationship Id="rId33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font" Target="fonts/font2.fntdata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4.xml"/><Relationship Id="rId24" Type="http://schemas.openxmlformats.org/officeDocument/2006/relationships/font" Target="fonts/font6.fntdata"/><Relationship Id="rId32" Type="http://schemas.openxmlformats.org/officeDocument/2006/relationships/tableStyles" Target="tableStyle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8.xml"/><Relationship Id="rId23" Type="http://schemas.openxmlformats.org/officeDocument/2006/relationships/font" Target="fonts/font5.fntdata"/><Relationship Id="rId28" Type="http://schemas.openxmlformats.org/officeDocument/2006/relationships/font" Target="fonts/font10.fntdata"/><Relationship Id="rId10" Type="http://schemas.openxmlformats.org/officeDocument/2006/relationships/slide" Target="slides/slide3.xml"/><Relationship Id="rId19" Type="http://schemas.openxmlformats.org/officeDocument/2006/relationships/font" Target="fonts/font1.fntdata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font" Target="fonts/font4.fntdata"/><Relationship Id="rId27" Type="http://schemas.openxmlformats.org/officeDocument/2006/relationships/font" Target="fonts/font9.fntdata"/><Relationship Id="rId30" Type="http://schemas.openxmlformats.org/officeDocument/2006/relationships/viewProps" Target="viewProps.xml"/><Relationship Id="rId8" Type="http://schemas.openxmlformats.org/officeDocument/2006/relationships/slide" Target="slides/slid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QMKR (Martin Karlsson)" userId="7fbc46da-be70-47a2-9a0d-9c95923ecc09" providerId="ADAL" clId="{128CEE00-DB79-4A6C-96C8-00DC54BA73E1}"/>
    <pc:docChg chg="delSld">
      <pc:chgData name="QMKR (Martin Karlsson)" userId="7fbc46da-be70-47a2-9a0d-9c95923ecc09" providerId="ADAL" clId="{128CEE00-DB79-4A6C-96C8-00DC54BA73E1}" dt="2026-04-07T20:03:59.866" v="1" actId="47"/>
      <pc:docMkLst>
        <pc:docMk/>
      </pc:docMkLst>
      <pc:sldChg chg="del">
        <pc:chgData name="QMKR (Martin Karlsson)" userId="7fbc46da-be70-47a2-9a0d-9c95923ecc09" providerId="ADAL" clId="{128CEE00-DB79-4A6C-96C8-00DC54BA73E1}" dt="2026-04-07T20:03:59.866" v="1" actId="47"/>
        <pc:sldMkLst>
          <pc:docMk/>
          <pc:sldMk cId="3272722035" sldId="275"/>
        </pc:sldMkLst>
      </pc:sldChg>
      <pc:sldChg chg="del">
        <pc:chgData name="QMKR (Martin Karlsson)" userId="7fbc46da-be70-47a2-9a0d-9c95923ecc09" providerId="ADAL" clId="{128CEE00-DB79-4A6C-96C8-00DC54BA73E1}" dt="2026-04-07T20:03:59.749" v="0" actId="47"/>
        <pc:sldMkLst>
          <pc:docMk/>
          <pc:sldMk cId="316634883" sldId="2147483129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7/04/2026</a:t>
            </a:fld>
            <a:endParaRPr lang="en-GB" dirty="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 note</a:t>
            </a:r>
          </a:p>
          <a:p>
            <a:pPr lvl="6"/>
            <a:r>
              <a:rPr lang="en-US" dirty="0"/>
              <a:t>7 level</a:t>
            </a:r>
          </a:p>
          <a:p>
            <a:pPr lvl="7"/>
            <a:r>
              <a:rPr lang="en-US" dirty="0"/>
              <a:t>8 level</a:t>
            </a:r>
          </a:p>
          <a:p>
            <a:pPr lvl="8"/>
            <a:r>
              <a:rPr lang="en-US" dirty="0"/>
              <a:t>9 header	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7/04/2026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0" indent="-179388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0" indent="0" algn="l" defTabSz="914400" rtl="0" eaLnBrk="1" latinLnBrk="0" hangingPunct="1">
      <a:buFont typeface="Arial" panose="020B0604020202020204" pitchFamily="34" charset="0"/>
      <a:buChar char="​"/>
      <a:defRPr sz="1400" b="1" kern="1200">
        <a:solidFill>
          <a:schemeClr val="tx1"/>
        </a:solidFill>
        <a:latin typeface="+mn-lt"/>
        <a:ea typeface="+mn-ea"/>
        <a:cs typeface="+mn-cs"/>
      </a:defRPr>
    </a:lvl4pPr>
    <a:lvl5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indent="-2286000" algn="l" defTabSz="914400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6pPr>
    <a:lvl7pPr marL="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7pPr>
    <a:lvl8pPr marL="18000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8pPr>
    <a:lvl9pPr marL="0" indent="0" algn="l" defTabSz="914400" rtl="0" eaLnBrk="1" latinLnBrk="0" hangingPunct="1">
      <a:buFont typeface="Arial" panose="020B0604020202020204" pitchFamily="34" charset="0"/>
      <a:buChar char="​"/>
      <a:defRPr sz="800" b="1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4129064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10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10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8003714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760427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880DF523-34A7-40E1-AE82-7A0D359468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1999" cy="6858000"/>
          </a:xfrm>
          <a:custGeom>
            <a:avLst/>
            <a:gdLst>
              <a:gd name="connsiteX0" fmla="*/ 11666200 w 12191999"/>
              <a:gd name="connsiteY0" fmla="*/ 756760 h 6858000"/>
              <a:gd name="connsiteX1" fmla="*/ 11678975 w 12191999"/>
              <a:gd name="connsiteY1" fmla="*/ 761119 h 6858000"/>
              <a:gd name="connsiteX2" fmla="*/ 11678975 w 12191999"/>
              <a:gd name="connsiteY2" fmla="*/ 808195 h 6858000"/>
              <a:gd name="connsiteX3" fmla="*/ 11678845 w 12191999"/>
              <a:gd name="connsiteY3" fmla="*/ 808195 h 6858000"/>
              <a:gd name="connsiteX4" fmla="*/ 11667095 w 12191999"/>
              <a:gd name="connsiteY4" fmla="*/ 813579 h 6858000"/>
              <a:gd name="connsiteX5" fmla="*/ 11644998 w 12191999"/>
              <a:gd name="connsiteY5" fmla="*/ 784080 h 6858000"/>
              <a:gd name="connsiteX6" fmla="*/ 11666200 w 12191999"/>
              <a:gd name="connsiteY6" fmla="*/ 756760 h 6858000"/>
              <a:gd name="connsiteX7" fmla="*/ 11553608 w 12191999"/>
              <a:gd name="connsiteY7" fmla="*/ 755951 h 6858000"/>
              <a:gd name="connsiteX8" fmla="*/ 11565369 w 12191999"/>
              <a:gd name="connsiteY8" fmla="*/ 760439 h 6858000"/>
              <a:gd name="connsiteX9" fmla="*/ 11571638 w 12191999"/>
              <a:gd name="connsiteY9" fmla="*/ 784954 h 6858000"/>
              <a:gd name="connsiteX10" fmla="*/ 11565369 w 12191999"/>
              <a:gd name="connsiteY10" fmla="*/ 809339 h 6858000"/>
              <a:gd name="connsiteX11" fmla="*/ 11553608 w 12191999"/>
              <a:gd name="connsiteY11" fmla="*/ 813698 h 6858000"/>
              <a:gd name="connsiteX12" fmla="*/ 11542106 w 12191999"/>
              <a:gd name="connsiteY12" fmla="*/ 809339 h 6858000"/>
              <a:gd name="connsiteX13" fmla="*/ 11535837 w 12191999"/>
              <a:gd name="connsiteY13" fmla="*/ 784954 h 6858000"/>
              <a:gd name="connsiteX14" fmla="*/ 11542106 w 12191999"/>
              <a:gd name="connsiteY14" fmla="*/ 760439 h 6858000"/>
              <a:gd name="connsiteX15" fmla="*/ 11553608 w 12191999"/>
              <a:gd name="connsiteY15" fmla="*/ 755951 h 6858000"/>
              <a:gd name="connsiteX16" fmla="*/ 11389948 w 12191999"/>
              <a:gd name="connsiteY16" fmla="*/ 755951 h 6858000"/>
              <a:gd name="connsiteX17" fmla="*/ 11401504 w 12191999"/>
              <a:gd name="connsiteY17" fmla="*/ 760439 h 6858000"/>
              <a:gd name="connsiteX18" fmla="*/ 11407795 w 12191999"/>
              <a:gd name="connsiteY18" fmla="*/ 784954 h 6858000"/>
              <a:gd name="connsiteX19" fmla="*/ 11401504 w 12191999"/>
              <a:gd name="connsiteY19" fmla="*/ 809339 h 6858000"/>
              <a:gd name="connsiteX20" fmla="*/ 11389948 w 12191999"/>
              <a:gd name="connsiteY20" fmla="*/ 813698 h 6858000"/>
              <a:gd name="connsiteX21" fmla="*/ 11378133 w 12191999"/>
              <a:gd name="connsiteY21" fmla="*/ 809339 h 6858000"/>
              <a:gd name="connsiteX22" fmla="*/ 11371843 w 12191999"/>
              <a:gd name="connsiteY22" fmla="*/ 784954 h 6858000"/>
              <a:gd name="connsiteX23" fmla="*/ 11378133 w 12191999"/>
              <a:gd name="connsiteY23" fmla="*/ 760439 h 6858000"/>
              <a:gd name="connsiteX24" fmla="*/ 11389948 w 12191999"/>
              <a:gd name="connsiteY24" fmla="*/ 755951 h 6858000"/>
              <a:gd name="connsiteX25" fmla="*/ 11267462 w 12191999"/>
              <a:gd name="connsiteY25" fmla="*/ 755951 h 6858000"/>
              <a:gd name="connsiteX26" fmla="*/ 11279148 w 12191999"/>
              <a:gd name="connsiteY26" fmla="*/ 760439 h 6858000"/>
              <a:gd name="connsiteX27" fmla="*/ 11285438 w 12191999"/>
              <a:gd name="connsiteY27" fmla="*/ 784954 h 6858000"/>
              <a:gd name="connsiteX28" fmla="*/ 11279148 w 12191999"/>
              <a:gd name="connsiteY28" fmla="*/ 809339 h 6858000"/>
              <a:gd name="connsiteX29" fmla="*/ 11267462 w 12191999"/>
              <a:gd name="connsiteY29" fmla="*/ 813698 h 6858000"/>
              <a:gd name="connsiteX30" fmla="*/ 11255907 w 12191999"/>
              <a:gd name="connsiteY30" fmla="*/ 809339 h 6858000"/>
              <a:gd name="connsiteX31" fmla="*/ 11249616 w 12191999"/>
              <a:gd name="connsiteY31" fmla="*/ 784954 h 6858000"/>
              <a:gd name="connsiteX32" fmla="*/ 11255907 w 12191999"/>
              <a:gd name="connsiteY32" fmla="*/ 760439 h 6858000"/>
              <a:gd name="connsiteX33" fmla="*/ 11267462 w 12191999"/>
              <a:gd name="connsiteY33" fmla="*/ 755951 h 6858000"/>
              <a:gd name="connsiteX34" fmla="*/ 11708668 w 12191999"/>
              <a:gd name="connsiteY34" fmla="*/ 750005 h 6858000"/>
              <a:gd name="connsiteX35" fmla="*/ 11706381 w 12191999"/>
              <a:gd name="connsiteY35" fmla="*/ 752433 h 6858000"/>
              <a:gd name="connsiteX36" fmla="*/ 11706381 w 12191999"/>
              <a:gd name="connsiteY36" fmla="*/ 817032 h 6858000"/>
              <a:gd name="connsiteX37" fmla="*/ 11708420 w 12191999"/>
              <a:gd name="connsiteY37" fmla="*/ 819459 h 6858000"/>
              <a:gd name="connsiteX38" fmla="*/ 11715671 w 12191999"/>
              <a:gd name="connsiteY38" fmla="*/ 819459 h 6858000"/>
              <a:gd name="connsiteX39" fmla="*/ 11718206 w 12191999"/>
              <a:gd name="connsiteY39" fmla="*/ 817032 h 6858000"/>
              <a:gd name="connsiteX40" fmla="*/ 11718206 w 12191999"/>
              <a:gd name="connsiteY40" fmla="*/ 752433 h 6858000"/>
              <a:gd name="connsiteX41" fmla="*/ 11715660 w 12191999"/>
              <a:gd name="connsiteY41" fmla="*/ 750005 h 6858000"/>
              <a:gd name="connsiteX42" fmla="*/ 11708668 w 12191999"/>
              <a:gd name="connsiteY42" fmla="*/ 750005 h 6858000"/>
              <a:gd name="connsiteX43" fmla="*/ 11826514 w 12191999"/>
              <a:gd name="connsiteY43" fmla="*/ 749671 h 6858000"/>
              <a:gd name="connsiteX44" fmla="*/ 11822404 w 12191999"/>
              <a:gd name="connsiteY44" fmla="*/ 751851 h 6858000"/>
              <a:gd name="connsiteX45" fmla="*/ 11798623 w 12191999"/>
              <a:gd name="connsiteY45" fmla="*/ 781695 h 6858000"/>
              <a:gd name="connsiteX46" fmla="*/ 11798105 w 12191999"/>
              <a:gd name="connsiteY46" fmla="*/ 782461 h 6858000"/>
              <a:gd name="connsiteX47" fmla="*/ 11798234 w 12191999"/>
              <a:gd name="connsiteY47" fmla="*/ 783227 h 6858000"/>
              <a:gd name="connsiteX48" fmla="*/ 11822145 w 12191999"/>
              <a:gd name="connsiteY48" fmla="*/ 817420 h 6858000"/>
              <a:gd name="connsiteX49" fmla="*/ 11826126 w 12191999"/>
              <a:gd name="connsiteY49" fmla="*/ 819470 h 6858000"/>
              <a:gd name="connsiteX50" fmla="*/ 11835254 w 12191999"/>
              <a:gd name="connsiteY50" fmla="*/ 819470 h 6858000"/>
              <a:gd name="connsiteX51" fmla="*/ 11837175 w 12191999"/>
              <a:gd name="connsiteY51" fmla="*/ 817798 h 6858000"/>
              <a:gd name="connsiteX52" fmla="*/ 11836279 w 12191999"/>
              <a:gd name="connsiteY52" fmla="*/ 816136 h 6858000"/>
              <a:gd name="connsiteX53" fmla="*/ 11810826 w 12191999"/>
              <a:gd name="connsiteY53" fmla="*/ 782450 h 6858000"/>
              <a:gd name="connsiteX54" fmla="*/ 11810567 w 12191999"/>
              <a:gd name="connsiteY54" fmla="*/ 782192 h 6858000"/>
              <a:gd name="connsiteX55" fmla="*/ 11834607 w 12191999"/>
              <a:gd name="connsiteY55" fmla="*/ 753890 h 6858000"/>
              <a:gd name="connsiteX56" fmla="*/ 11835254 w 12191999"/>
              <a:gd name="connsiteY56" fmla="*/ 751203 h 6858000"/>
              <a:gd name="connsiteX57" fmla="*/ 11832816 w 12191999"/>
              <a:gd name="connsiteY57" fmla="*/ 749671 h 6858000"/>
              <a:gd name="connsiteX58" fmla="*/ 11826514 w 12191999"/>
              <a:gd name="connsiteY58" fmla="*/ 749671 h 6858000"/>
              <a:gd name="connsiteX59" fmla="*/ 11301634 w 12191999"/>
              <a:gd name="connsiteY59" fmla="*/ 749671 h 6858000"/>
              <a:gd name="connsiteX60" fmla="*/ 11299832 w 12191999"/>
              <a:gd name="connsiteY60" fmla="*/ 751462 h 6858000"/>
              <a:gd name="connsiteX61" fmla="*/ 11300350 w 12191999"/>
              <a:gd name="connsiteY61" fmla="*/ 753383 h 6858000"/>
              <a:gd name="connsiteX62" fmla="*/ 11324605 w 12191999"/>
              <a:gd name="connsiteY62" fmla="*/ 817399 h 6858000"/>
              <a:gd name="connsiteX63" fmla="*/ 11326785 w 12191999"/>
              <a:gd name="connsiteY63" fmla="*/ 819449 h 6858000"/>
              <a:gd name="connsiteX64" fmla="*/ 11332050 w 12191999"/>
              <a:gd name="connsiteY64" fmla="*/ 819449 h 6858000"/>
              <a:gd name="connsiteX65" fmla="*/ 11334489 w 12191999"/>
              <a:gd name="connsiteY65" fmla="*/ 817399 h 6858000"/>
              <a:gd name="connsiteX66" fmla="*/ 11358108 w 12191999"/>
              <a:gd name="connsiteY66" fmla="*/ 753135 h 6858000"/>
              <a:gd name="connsiteX67" fmla="*/ 11358366 w 12191999"/>
              <a:gd name="connsiteY67" fmla="*/ 751085 h 6858000"/>
              <a:gd name="connsiteX68" fmla="*/ 11356694 w 12191999"/>
              <a:gd name="connsiteY68" fmla="*/ 749671 h 6858000"/>
              <a:gd name="connsiteX69" fmla="*/ 11350015 w 12191999"/>
              <a:gd name="connsiteY69" fmla="*/ 749671 h 6858000"/>
              <a:gd name="connsiteX70" fmla="*/ 11348343 w 12191999"/>
              <a:gd name="connsiteY70" fmla="*/ 751592 h 6858000"/>
              <a:gd name="connsiteX71" fmla="*/ 11330885 w 12191999"/>
              <a:gd name="connsiteY71" fmla="*/ 802908 h 6858000"/>
              <a:gd name="connsiteX72" fmla="*/ 11312920 w 12191999"/>
              <a:gd name="connsiteY72" fmla="*/ 751851 h 6858000"/>
              <a:gd name="connsiteX73" fmla="*/ 11309845 w 12191999"/>
              <a:gd name="connsiteY73" fmla="*/ 749671 h 6858000"/>
              <a:gd name="connsiteX74" fmla="*/ 11301634 w 12191999"/>
              <a:gd name="connsiteY74" fmla="*/ 749671 h 6858000"/>
              <a:gd name="connsiteX75" fmla="*/ 11754223 w 12191999"/>
              <a:gd name="connsiteY75" fmla="*/ 748506 h 6858000"/>
              <a:gd name="connsiteX76" fmla="*/ 11731241 w 12191999"/>
              <a:gd name="connsiteY76" fmla="*/ 767625 h 6858000"/>
              <a:gd name="connsiteX77" fmla="*/ 11749346 w 12191999"/>
              <a:gd name="connsiteY77" fmla="*/ 788417 h 6858000"/>
              <a:gd name="connsiteX78" fmla="*/ 11764236 w 12191999"/>
              <a:gd name="connsiteY78" fmla="*/ 801894 h 6858000"/>
              <a:gd name="connsiteX79" fmla="*/ 11750500 w 12191999"/>
              <a:gd name="connsiteY79" fmla="*/ 813698 h 6858000"/>
              <a:gd name="connsiteX80" fmla="*/ 11733679 w 12191999"/>
              <a:gd name="connsiteY80" fmla="*/ 806641 h 6858000"/>
              <a:gd name="connsiteX81" fmla="*/ 11728673 w 12191999"/>
              <a:gd name="connsiteY81" fmla="*/ 811130 h 6858000"/>
              <a:gd name="connsiteX82" fmla="*/ 11750241 w 12191999"/>
              <a:gd name="connsiteY82" fmla="*/ 821402 h 6858000"/>
              <a:gd name="connsiteX83" fmla="*/ 11774896 w 12191999"/>
              <a:gd name="connsiteY83" fmla="*/ 800610 h 6858000"/>
              <a:gd name="connsiteX84" fmla="*/ 11741901 w 12191999"/>
              <a:gd name="connsiteY84" fmla="*/ 766471 h 6858000"/>
              <a:gd name="connsiteX85" fmla="*/ 11753457 w 12191999"/>
              <a:gd name="connsiteY85" fmla="*/ 756199 h 6858000"/>
              <a:gd name="connsiteX86" fmla="*/ 11767322 w 12191999"/>
              <a:gd name="connsiteY86" fmla="*/ 761335 h 6858000"/>
              <a:gd name="connsiteX87" fmla="*/ 11772328 w 12191999"/>
              <a:gd name="connsiteY87" fmla="*/ 756587 h 6858000"/>
              <a:gd name="connsiteX88" fmla="*/ 11754223 w 12191999"/>
              <a:gd name="connsiteY88" fmla="*/ 748506 h 6858000"/>
              <a:gd name="connsiteX89" fmla="*/ 11614257 w 12191999"/>
              <a:gd name="connsiteY89" fmla="*/ 748117 h 6858000"/>
              <a:gd name="connsiteX90" fmla="*/ 11599001 w 12191999"/>
              <a:gd name="connsiteY90" fmla="*/ 750167 h 6858000"/>
              <a:gd name="connsiteX91" fmla="*/ 11592721 w 12191999"/>
              <a:gd name="connsiteY91" fmla="*/ 755659 h 6858000"/>
              <a:gd name="connsiteX92" fmla="*/ 11592721 w 12191999"/>
              <a:gd name="connsiteY92" fmla="*/ 816902 h 6858000"/>
              <a:gd name="connsiteX93" fmla="*/ 11595418 w 12191999"/>
              <a:gd name="connsiteY93" fmla="*/ 819071 h 6858000"/>
              <a:gd name="connsiteX94" fmla="*/ 11602216 w 12191999"/>
              <a:gd name="connsiteY94" fmla="*/ 819071 h 6858000"/>
              <a:gd name="connsiteX95" fmla="*/ 11604654 w 12191999"/>
              <a:gd name="connsiteY95" fmla="*/ 816902 h 6858000"/>
              <a:gd name="connsiteX96" fmla="*/ 11604654 w 12191999"/>
              <a:gd name="connsiteY96" fmla="*/ 760774 h 6858000"/>
              <a:gd name="connsiteX97" fmla="*/ 11611452 w 12191999"/>
              <a:gd name="connsiteY97" fmla="*/ 754764 h 6858000"/>
              <a:gd name="connsiteX98" fmla="*/ 11625943 w 12191999"/>
              <a:gd name="connsiteY98" fmla="*/ 761033 h 6858000"/>
              <a:gd name="connsiteX99" fmla="*/ 11631823 w 12191999"/>
              <a:gd name="connsiteY99" fmla="*/ 755152 h 6858000"/>
              <a:gd name="connsiteX100" fmla="*/ 11614257 w 12191999"/>
              <a:gd name="connsiteY100" fmla="*/ 748117 h 6858000"/>
              <a:gd name="connsiteX101" fmla="*/ 11553619 w 12191999"/>
              <a:gd name="connsiteY101" fmla="*/ 748117 h 6858000"/>
              <a:gd name="connsiteX102" fmla="*/ 11536236 w 12191999"/>
              <a:gd name="connsiteY102" fmla="*/ 753124 h 6858000"/>
              <a:gd name="connsiteX103" fmla="*/ 11523450 w 12191999"/>
              <a:gd name="connsiteY103" fmla="*/ 784954 h 6858000"/>
              <a:gd name="connsiteX104" fmla="*/ 11536236 w 12191999"/>
              <a:gd name="connsiteY104" fmla="*/ 816654 h 6858000"/>
              <a:gd name="connsiteX105" fmla="*/ 11553619 w 12191999"/>
              <a:gd name="connsiteY105" fmla="*/ 821531 h 6858000"/>
              <a:gd name="connsiteX106" fmla="*/ 11571001 w 12191999"/>
              <a:gd name="connsiteY106" fmla="*/ 816654 h 6858000"/>
              <a:gd name="connsiteX107" fmla="*/ 11583917 w 12191999"/>
              <a:gd name="connsiteY107" fmla="*/ 784954 h 6858000"/>
              <a:gd name="connsiteX108" fmla="*/ 11571001 w 12191999"/>
              <a:gd name="connsiteY108" fmla="*/ 753124 h 6858000"/>
              <a:gd name="connsiteX109" fmla="*/ 11553619 w 12191999"/>
              <a:gd name="connsiteY109" fmla="*/ 748117 h 6858000"/>
              <a:gd name="connsiteX110" fmla="*/ 11486031 w 12191999"/>
              <a:gd name="connsiteY110" fmla="*/ 748117 h 6858000"/>
              <a:gd name="connsiteX111" fmla="*/ 11465229 w 12191999"/>
              <a:gd name="connsiteY111" fmla="*/ 751452 h 6858000"/>
              <a:gd name="connsiteX112" fmla="*/ 11459230 w 12191999"/>
              <a:gd name="connsiteY112" fmla="*/ 756965 h 6858000"/>
              <a:gd name="connsiteX113" fmla="*/ 11459230 w 12191999"/>
              <a:gd name="connsiteY113" fmla="*/ 817010 h 6858000"/>
              <a:gd name="connsiteX114" fmla="*/ 11461787 w 12191999"/>
              <a:gd name="connsiteY114" fmla="*/ 819449 h 6858000"/>
              <a:gd name="connsiteX115" fmla="*/ 11468422 w 12191999"/>
              <a:gd name="connsiteY115" fmla="*/ 819449 h 6858000"/>
              <a:gd name="connsiteX116" fmla="*/ 11471228 w 12191999"/>
              <a:gd name="connsiteY116" fmla="*/ 816751 h 6858000"/>
              <a:gd name="connsiteX117" fmla="*/ 11471228 w 12191999"/>
              <a:gd name="connsiteY117" fmla="*/ 761454 h 6858000"/>
              <a:gd name="connsiteX118" fmla="*/ 11485654 w 12191999"/>
              <a:gd name="connsiteY118" fmla="*/ 755422 h 6858000"/>
              <a:gd name="connsiteX119" fmla="*/ 11501223 w 12191999"/>
              <a:gd name="connsiteY119" fmla="*/ 771844 h 6858000"/>
              <a:gd name="connsiteX120" fmla="*/ 11501223 w 12191999"/>
              <a:gd name="connsiteY120" fmla="*/ 816751 h 6858000"/>
              <a:gd name="connsiteX121" fmla="*/ 11504288 w 12191999"/>
              <a:gd name="connsiteY121" fmla="*/ 819449 h 6858000"/>
              <a:gd name="connsiteX122" fmla="*/ 11511690 w 12191999"/>
              <a:gd name="connsiteY122" fmla="*/ 819449 h 6858000"/>
              <a:gd name="connsiteX123" fmla="*/ 11512963 w 12191999"/>
              <a:gd name="connsiteY123" fmla="*/ 816762 h 6858000"/>
              <a:gd name="connsiteX124" fmla="*/ 11512963 w 12191999"/>
              <a:gd name="connsiteY124" fmla="*/ 770312 h 6858000"/>
              <a:gd name="connsiteX125" fmla="*/ 11486031 w 12191999"/>
              <a:gd name="connsiteY125" fmla="*/ 748117 h 6858000"/>
              <a:gd name="connsiteX126" fmla="*/ 11389700 w 12191999"/>
              <a:gd name="connsiteY126" fmla="*/ 748117 h 6858000"/>
              <a:gd name="connsiteX127" fmla="*/ 11372242 w 12191999"/>
              <a:gd name="connsiteY127" fmla="*/ 753124 h 6858000"/>
              <a:gd name="connsiteX128" fmla="*/ 11359402 w 12191999"/>
              <a:gd name="connsiteY128" fmla="*/ 784954 h 6858000"/>
              <a:gd name="connsiteX129" fmla="*/ 11372242 w 12191999"/>
              <a:gd name="connsiteY129" fmla="*/ 816654 h 6858000"/>
              <a:gd name="connsiteX130" fmla="*/ 11389700 w 12191999"/>
              <a:gd name="connsiteY130" fmla="*/ 821531 h 6858000"/>
              <a:gd name="connsiteX131" fmla="*/ 11407158 w 12191999"/>
              <a:gd name="connsiteY131" fmla="*/ 816654 h 6858000"/>
              <a:gd name="connsiteX132" fmla="*/ 11420127 w 12191999"/>
              <a:gd name="connsiteY132" fmla="*/ 784954 h 6858000"/>
              <a:gd name="connsiteX133" fmla="*/ 11407158 w 12191999"/>
              <a:gd name="connsiteY133" fmla="*/ 753124 h 6858000"/>
              <a:gd name="connsiteX134" fmla="*/ 11389700 w 12191999"/>
              <a:gd name="connsiteY134" fmla="*/ 748117 h 6858000"/>
              <a:gd name="connsiteX135" fmla="*/ 11267473 w 12191999"/>
              <a:gd name="connsiteY135" fmla="*/ 748117 h 6858000"/>
              <a:gd name="connsiteX136" fmla="*/ 11250015 w 12191999"/>
              <a:gd name="connsiteY136" fmla="*/ 753124 h 6858000"/>
              <a:gd name="connsiteX137" fmla="*/ 11237046 w 12191999"/>
              <a:gd name="connsiteY137" fmla="*/ 784954 h 6858000"/>
              <a:gd name="connsiteX138" fmla="*/ 11250015 w 12191999"/>
              <a:gd name="connsiteY138" fmla="*/ 816654 h 6858000"/>
              <a:gd name="connsiteX139" fmla="*/ 11267473 w 12191999"/>
              <a:gd name="connsiteY139" fmla="*/ 821531 h 6858000"/>
              <a:gd name="connsiteX140" fmla="*/ 11284931 w 12191999"/>
              <a:gd name="connsiteY140" fmla="*/ 816654 h 6858000"/>
              <a:gd name="connsiteX141" fmla="*/ 11297771 w 12191999"/>
              <a:gd name="connsiteY141" fmla="*/ 784954 h 6858000"/>
              <a:gd name="connsiteX142" fmla="*/ 11284931 w 12191999"/>
              <a:gd name="connsiteY142" fmla="*/ 753124 h 6858000"/>
              <a:gd name="connsiteX143" fmla="*/ 11267473 w 12191999"/>
              <a:gd name="connsiteY143" fmla="*/ 748117 h 6858000"/>
              <a:gd name="connsiteX144" fmla="*/ 11199756 w 12191999"/>
              <a:gd name="connsiteY144" fmla="*/ 748117 h 6858000"/>
              <a:gd name="connsiteX145" fmla="*/ 11178857 w 12191999"/>
              <a:gd name="connsiteY145" fmla="*/ 751452 h 6858000"/>
              <a:gd name="connsiteX146" fmla="*/ 11172825 w 12191999"/>
              <a:gd name="connsiteY146" fmla="*/ 756965 h 6858000"/>
              <a:gd name="connsiteX147" fmla="*/ 11172825 w 12191999"/>
              <a:gd name="connsiteY147" fmla="*/ 817010 h 6858000"/>
              <a:gd name="connsiteX148" fmla="*/ 11175263 w 12191999"/>
              <a:gd name="connsiteY148" fmla="*/ 819449 h 6858000"/>
              <a:gd name="connsiteX149" fmla="*/ 11181932 w 12191999"/>
              <a:gd name="connsiteY149" fmla="*/ 819449 h 6858000"/>
              <a:gd name="connsiteX150" fmla="*/ 11184748 w 12191999"/>
              <a:gd name="connsiteY150" fmla="*/ 816751 h 6858000"/>
              <a:gd name="connsiteX151" fmla="*/ 11184748 w 12191999"/>
              <a:gd name="connsiteY151" fmla="*/ 761454 h 6858000"/>
              <a:gd name="connsiteX152" fmla="*/ 11199238 w 12191999"/>
              <a:gd name="connsiteY152" fmla="*/ 755422 h 6858000"/>
              <a:gd name="connsiteX153" fmla="*/ 11214884 w 12191999"/>
              <a:gd name="connsiteY153" fmla="*/ 771844 h 6858000"/>
              <a:gd name="connsiteX154" fmla="*/ 11214884 w 12191999"/>
              <a:gd name="connsiteY154" fmla="*/ 816751 h 6858000"/>
              <a:gd name="connsiteX155" fmla="*/ 11217959 w 12191999"/>
              <a:gd name="connsiteY155" fmla="*/ 819449 h 6858000"/>
              <a:gd name="connsiteX156" fmla="*/ 11225393 w 12191999"/>
              <a:gd name="connsiteY156" fmla="*/ 819449 h 6858000"/>
              <a:gd name="connsiteX157" fmla="*/ 11226817 w 12191999"/>
              <a:gd name="connsiteY157" fmla="*/ 816762 h 6858000"/>
              <a:gd name="connsiteX158" fmla="*/ 11226817 w 12191999"/>
              <a:gd name="connsiteY158" fmla="*/ 770312 h 6858000"/>
              <a:gd name="connsiteX159" fmla="*/ 11199756 w 12191999"/>
              <a:gd name="connsiteY159" fmla="*/ 748117 h 6858000"/>
              <a:gd name="connsiteX160" fmla="*/ 11681273 w 12191999"/>
              <a:gd name="connsiteY160" fmla="*/ 724801 h 6858000"/>
              <a:gd name="connsiteX161" fmla="*/ 11678845 w 12191999"/>
              <a:gd name="connsiteY161" fmla="*/ 727876 h 6858000"/>
              <a:gd name="connsiteX162" fmla="*/ 11678845 w 12191999"/>
              <a:gd name="connsiteY162" fmla="*/ 752250 h 6858000"/>
              <a:gd name="connsiteX163" fmla="*/ 11664279 w 12191999"/>
              <a:gd name="connsiteY163" fmla="*/ 748527 h 6858000"/>
              <a:gd name="connsiteX164" fmla="*/ 11632848 w 12191999"/>
              <a:gd name="connsiteY164" fmla="*/ 784954 h 6858000"/>
              <a:gd name="connsiteX165" fmla="*/ 11666707 w 12191999"/>
              <a:gd name="connsiteY165" fmla="*/ 821510 h 6858000"/>
              <a:gd name="connsiteX166" fmla="*/ 11690477 w 12191999"/>
              <a:gd name="connsiteY166" fmla="*/ 812036 h 6858000"/>
              <a:gd name="connsiteX167" fmla="*/ 11690477 w 12191999"/>
              <a:gd name="connsiteY167" fmla="*/ 727498 h 6858000"/>
              <a:gd name="connsiteX168" fmla="*/ 11687919 w 12191999"/>
              <a:gd name="connsiteY168" fmla="*/ 724801 h 6858000"/>
              <a:gd name="connsiteX169" fmla="*/ 11681273 w 12191999"/>
              <a:gd name="connsiteY169" fmla="*/ 724801 h 6858000"/>
              <a:gd name="connsiteX170" fmla="*/ 11786797 w 12191999"/>
              <a:gd name="connsiteY170" fmla="*/ 724552 h 6858000"/>
              <a:gd name="connsiteX171" fmla="*/ 11784607 w 12191999"/>
              <a:gd name="connsiteY171" fmla="*/ 726732 h 6858000"/>
              <a:gd name="connsiteX172" fmla="*/ 11784607 w 12191999"/>
              <a:gd name="connsiteY172" fmla="*/ 817280 h 6858000"/>
              <a:gd name="connsiteX173" fmla="*/ 11786797 w 12191999"/>
              <a:gd name="connsiteY173" fmla="*/ 819330 h 6858000"/>
              <a:gd name="connsiteX174" fmla="*/ 11793864 w 12191999"/>
              <a:gd name="connsiteY174" fmla="*/ 819330 h 6858000"/>
              <a:gd name="connsiteX175" fmla="*/ 11796303 w 12191999"/>
              <a:gd name="connsiteY175" fmla="*/ 817409 h 6858000"/>
              <a:gd name="connsiteX176" fmla="*/ 11796303 w 12191999"/>
              <a:gd name="connsiteY176" fmla="*/ 726473 h 6858000"/>
              <a:gd name="connsiteX177" fmla="*/ 11793864 w 12191999"/>
              <a:gd name="connsiteY177" fmla="*/ 724552 h 6858000"/>
              <a:gd name="connsiteX178" fmla="*/ 11786797 w 12191999"/>
              <a:gd name="connsiteY178" fmla="*/ 724552 h 6858000"/>
              <a:gd name="connsiteX179" fmla="*/ 11712617 w 12191999"/>
              <a:gd name="connsiteY179" fmla="*/ 723776 h 6858000"/>
              <a:gd name="connsiteX180" fmla="*/ 11705237 w 12191999"/>
              <a:gd name="connsiteY180" fmla="*/ 730940 h 6858000"/>
              <a:gd name="connsiteX181" fmla="*/ 11712358 w 12191999"/>
              <a:gd name="connsiteY181" fmla="*/ 737975 h 6858000"/>
              <a:gd name="connsiteX182" fmla="*/ 11719609 w 12191999"/>
              <a:gd name="connsiteY182" fmla="*/ 730433 h 6858000"/>
              <a:gd name="connsiteX183" fmla="*/ 11712617 w 12191999"/>
              <a:gd name="connsiteY183" fmla="*/ 723776 h 6858000"/>
              <a:gd name="connsiteX184" fmla="*/ 11855021 w 12191999"/>
              <a:gd name="connsiteY184" fmla="*/ 713601 h 6858000"/>
              <a:gd name="connsiteX185" fmla="*/ 11855284 w 12191999"/>
              <a:gd name="connsiteY185" fmla="*/ 713794 h 6858000"/>
              <a:gd name="connsiteX186" fmla="*/ 11855021 w 12191999"/>
              <a:gd name="connsiteY186" fmla="*/ 713860 h 6858000"/>
              <a:gd name="connsiteX187" fmla="*/ 11855021 w 12191999"/>
              <a:gd name="connsiteY187" fmla="*/ 713601 h 6858000"/>
              <a:gd name="connsiteX188" fmla="*/ 11847209 w 12191999"/>
              <a:gd name="connsiteY188" fmla="*/ 704235 h 6858000"/>
              <a:gd name="connsiteX189" fmla="*/ 11851428 w 12191999"/>
              <a:gd name="connsiteY189" fmla="*/ 704235 h 6858000"/>
              <a:gd name="connsiteX190" fmla="*/ 11857190 w 12191999"/>
              <a:gd name="connsiteY190" fmla="*/ 707699 h 6858000"/>
              <a:gd name="connsiteX191" fmla="*/ 11851817 w 12191999"/>
              <a:gd name="connsiteY191" fmla="*/ 711162 h 6858000"/>
              <a:gd name="connsiteX192" fmla="*/ 11847209 w 12191999"/>
              <a:gd name="connsiteY192" fmla="*/ 711162 h 6858000"/>
              <a:gd name="connsiteX193" fmla="*/ 11843627 w 12191999"/>
              <a:gd name="connsiteY193" fmla="*/ 701020 h 6858000"/>
              <a:gd name="connsiteX194" fmla="*/ 11843627 w 12191999"/>
              <a:gd name="connsiteY194" fmla="*/ 724250 h 6858000"/>
              <a:gd name="connsiteX195" fmla="*/ 11847468 w 12191999"/>
              <a:gd name="connsiteY195" fmla="*/ 724250 h 6858000"/>
              <a:gd name="connsiteX196" fmla="*/ 11847468 w 12191999"/>
              <a:gd name="connsiteY196" fmla="*/ 714367 h 6858000"/>
              <a:gd name="connsiteX197" fmla="*/ 11849648 w 12191999"/>
              <a:gd name="connsiteY197" fmla="*/ 714367 h 6858000"/>
              <a:gd name="connsiteX198" fmla="*/ 11856553 w 12191999"/>
              <a:gd name="connsiteY198" fmla="*/ 720528 h 6858000"/>
              <a:gd name="connsiteX199" fmla="*/ 11858603 w 12191999"/>
              <a:gd name="connsiteY199" fmla="*/ 724121 h 6858000"/>
              <a:gd name="connsiteX200" fmla="*/ 11863081 w 12191999"/>
              <a:gd name="connsiteY200" fmla="*/ 724121 h 6858000"/>
              <a:gd name="connsiteX201" fmla="*/ 11860265 w 12191999"/>
              <a:gd name="connsiteY201" fmla="*/ 719503 h 6858000"/>
              <a:gd name="connsiteX202" fmla="*/ 11857064 w 12191999"/>
              <a:gd name="connsiteY202" fmla="*/ 715107 h 6858000"/>
              <a:gd name="connsiteX203" fmla="*/ 11855284 w 12191999"/>
              <a:gd name="connsiteY203" fmla="*/ 713794 h 6858000"/>
              <a:gd name="connsiteX204" fmla="*/ 11858039 w 12191999"/>
              <a:gd name="connsiteY204" fmla="*/ 713107 h 6858000"/>
              <a:gd name="connsiteX205" fmla="*/ 11861549 w 12191999"/>
              <a:gd name="connsiteY205" fmla="*/ 707310 h 6858000"/>
              <a:gd name="connsiteX206" fmla="*/ 11859370 w 12191999"/>
              <a:gd name="connsiteY206" fmla="*/ 702822 h 6858000"/>
              <a:gd name="connsiteX207" fmla="*/ 11851817 w 12191999"/>
              <a:gd name="connsiteY207" fmla="*/ 701020 h 6858000"/>
              <a:gd name="connsiteX208" fmla="*/ 11843627 w 12191999"/>
              <a:gd name="connsiteY208" fmla="*/ 701020 h 6858000"/>
              <a:gd name="connsiteX209" fmla="*/ 11852712 w 12191999"/>
              <a:gd name="connsiteY209" fmla="*/ 694611 h 6858000"/>
              <a:gd name="connsiteX210" fmla="*/ 11870623 w 12191999"/>
              <a:gd name="connsiteY210" fmla="*/ 712446 h 6858000"/>
              <a:gd name="connsiteX211" fmla="*/ 11852712 w 12191999"/>
              <a:gd name="connsiteY211" fmla="*/ 730541 h 6858000"/>
              <a:gd name="connsiteX212" fmla="*/ 11834931 w 12191999"/>
              <a:gd name="connsiteY212" fmla="*/ 712446 h 6858000"/>
              <a:gd name="connsiteX213" fmla="*/ 11852712 w 12191999"/>
              <a:gd name="connsiteY213" fmla="*/ 694611 h 6858000"/>
              <a:gd name="connsiteX214" fmla="*/ 11852712 w 12191999"/>
              <a:gd name="connsiteY214" fmla="*/ 690888 h 6858000"/>
              <a:gd name="connsiteX215" fmla="*/ 11831348 w 12191999"/>
              <a:gd name="connsiteY215" fmla="*/ 712446 h 6858000"/>
              <a:gd name="connsiteX216" fmla="*/ 11852712 w 12191999"/>
              <a:gd name="connsiteY216" fmla="*/ 734004 h 6858000"/>
              <a:gd name="connsiteX217" fmla="*/ 11874076 w 12191999"/>
              <a:gd name="connsiteY217" fmla="*/ 712446 h 6858000"/>
              <a:gd name="connsiteX218" fmla="*/ 11852712 w 12191999"/>
              <a:gd name="connsiteY218" fmla="*/ 690888 h 6858000"/>
              <a:gd name="connsiteX219" fmla="*/ 11639380 w 12191999"/>
              <a:gd name="connsiteY219" fmla="*/ 551044 h 6858000"/>
              <a:gd name="connsiteX220" fmla="*/ 11641189 w 12191999"/>
              <a:gd name="connsiteY220" fmla="*/ 551862 h 6858000"/>
              <a:gd name="connsiteX221" fmla="*/ 11644652 w 12191999"/>
              <a:gd name="connsiteY221" fmla="*/ 634274 h 6858000"/>
              <a:gd name="connsiteX222" fmla="*/ 11640682 w 12191999"/>
              <a:gd name="connsiteY222" fmla="*/ 633508 h 6858000"/>
              <a:gd name="connsiteX223" fmla="*/ 11634273 w 12191999"/>
              <a:gd name="connsiteY223" fmla="*/ 599671 h 6858000"/>
              <a:gd name="connsiteX224" fmla="*/ 11638243 w 12191999"/>
              <a:gd name="connsiteY224" fmla="*/ 552250 h 6858000"/>
              <a:gd name="connsiteX225" fmla="*/ 11639380 w 12191999"/>
              <a:gd name="connsiteY225" fmla="*/ 551044 h 6858000"/>
              <a:gd name="connsiteX226" fmla="*/ 11490639 w 12191999"/>
              <a:gd name="connsiteY226" fmla="*/ 502002 h 6858000"/>
              <a:gd name="connsiteX227" fmla="*/ 11550015 w 12191999"/>
              <a:gd name="connsiteY227" fmla="*/ 504052 h 6858000"/>
              <a:gd name="connsiteX228" fmla="*/ 11548343 w 12191999"/>
              <a:gd name="connsiteY228" fmla="*/ 536605 h 6858000"/>
              <a:gd name="connsiteX229" fmla="*/ 11499486 w 12191999"/>
              <a:gd name="connsiteY229" fmla="*/ 541094 h 6858000"/>
              <a:gd name="connsiteX230" fmla="*/ 11492948 w 12191999"/>
              <a:gd name="connsiteY230" fmla="*/ 533659 h 6858000"/>
              <a:gd name="connsiteX231" fmla="*/ 11490639 w 12191999"/>
              <a:gd name="connsiteY231" fmla="*/ 502002 h 6858000"/>
              <a:gd name="connsiteX232" fmla="*/ 11594253 w 12191999"/>
              <a:gd name="connsiteY232" fmla="*/ 498797 h 6858000"/>
              <a:gd name="connsiteX233" fmla="*/ 11598612 w 12191999"/>
              <a:gd name="connsiteY233" fmla="*/ 520075 h 6858000"/>
              <a:gd name="connsiteX234" fmla="*/ 11588351 w 12191999"/>
              <a:gd name="connsiteY234" fmla="*/ 527509 h 6858000"/>
              <a:gd name="connsiteX235" fmla="*/ 11580011 w 12191999"/>
              <a:gd name="connsiteY235" fmla="*/ 500718 h 6858000"/>
              <a:gd name="connsiteX236" fmla="*/ 11594253 w 12191999"/>
              <a:gd name="connsiteY236" fmla="*/ 498797 h 6858000"/>
              <a:gd name="connsiteX237" fmla="*/ 11441405 w 12191999"/>
              <a:gd name="connsiteY237" fmla="*/ 491374 h 6858000"/>
              <a:gd name="connsiteX238" fmla="*/ 11460384 w 12191999"/>
              <a:gd name="connsiteY238" fmla="*/ 496499 h 6858000"/>
              <a:gd name="connsiteX239" fmla="*/ 11442948 w 12191999"/>
              <a:gd name="connsiteY239" fmla="*/ 533670 h 6858000"/>
              <a:gd name="connsiteX240" fmla="*/ 11434607 w 12191999"/>
              <a:gd name="connsiteY240" fmla="*/ 527132 h 6858000"/>
              <a:gd name="connsiteX241" fmla="*/ 11441405 w 12191999"/>
              <a:gd name="connsiteY241" fmla="*/ 491374 h 6858000"/>
              <a:gd name="connsiteX242" fmla="*/ 11419441 w 12191999"/>
              <a:gd name="connsiteY242" fmla="*/ 484343 h 6858000"/>
              <a:gd name="connsiteX243" fmla="*/ 11431543 w 12191999"/>
              <a:gd name="connsiteY243" fmla="*/ 488299 h 6858000"/>
              <a:gd name="connsiteX244" fmla="*/ 11423202 w 12191999"/>
              <a:gd name="connsiteY244" fmla="*/ 532257 h 6858000"/>
              <a:gd name="connsiteX245" fmla="*/ 11444102 w 12191999"/>
              <a:gd name="connsiteY245" fmla="*/ 543154 h 6858000"/>
              <a:gd name="connsiteX246" fmla="*/ 11469620 w 12191999"/>
              <a:gd name="connsiteY246" fmla="*/ 498549 h 6858000"/>
              <a:gd name="connsiteX247" fmla="*/ 11481672 w 12191999"/>
              <a:gd name="connsiteY247" fmla="*/ 500729 h 6858000"/>
              <a:gd name="connsiteX248" fmla="*/ 11485395 w 12191999"/>
              <a:gd name="connsiteY248" fmla="*/ 542507 h 6858000"/>
              <a:gd name="connsiteX249" fmla="*/ 11498472 w 12191999"/>
              <a:gd name="connsiteY249" fmla="*/ 550707 h 6858000"/>
              <a:gd name="connsiteX250" fmla="*/ 11555917 w 12191999"/>
              <a:gd name="connsiteY250" fmla="*/ 543532 h 6858000"/>
              <a:gd name="connsiteX251" fmla="*/ 11559122 w 12191999"/>
              <a:gd name="connsiteY251" fmla="*/ 503286 h 6858000"/>
              <a:gd name="connsiteX252" fmla="*/ 11570149 w 12191999"/>
              <a:gd name="connsiteY252" fmla="*/ 502002 h 6858000"/>
              <a:gd name="connsiteX253" fmla="*/ 11579385 w 12191999"/>
              <a:gd name="connsiteY253" fmla="*/ 528405 h 6858000"/>
              <a:gd name="connsiteX254" fmla="*/ 11598752 w 12191999"/>
              <a:gd name="connsiteY254" fmla="*/ 531739 h 6858000"/>
              <a:gd name="connsiteX255" fmla="*/ 11602723 w 12191999"/>
              <a:gd name="connsiteY255" fmla="*/ 497773 h 6858000"/>
              <a:gd name="connsiteX256" fmla="*/ 11625673 w 12191999"/>
              <a:gd name="connsiteY256" fmla="*/ 533282 h 6858000"/>
              <a:gd name="connsiteX257" fmla="*/ 11612855 w 12191999"/>
              <a:gd name="connsiteY257" fmla="*/ 586216 h 6858000"/>
              <a:gd name="connsiteX258" fmla="*/ 11537326 w 12191999"/>
              <a:gd name="connsiteY258" fmla="*/ 569428 h 6858000"/>
              <a:gd name="connsiteX259" fmla="*/ 11459488 w 12191999"/>
              <a:gd name="connsiteY259" fmla="*/ 611465 h 6858000"/>
              <a:gd name="connsiteX260" fmla="*/ 11456154 w 12191999"/>
              <a:gd name="connsiteY260" fmla="*/ 612360 h 6858000"/>
              <a:gd name="connsiteX261" fmla="*/ 11418325 w 12191999"/>
              <a:gd name="connsiteY261" fmla="*/ 585191 h 6858000"/>
              <a:gd name="connsiteX262" fmla="*/ 11388707 w 12191999"/>
              <a:gd name="connsiteY262" fmla="*/ 549434 h 6858000"/>
              <a:gd name="connsiteX263" fmla="*/ 11414743 w 12191999"/>
              <a:gd name="connsiteY263" fmla="*/ 487403 h 6858000"/>
              <a:gd name="connsiteX264" fmla="*/ 11419441 w 12191999"/>
              <a:gd name="connsiteY264" fmla="*/ 484343 h 6858000"/>
              <a:gd name="connsiteX265" fmla="*/ 11358173 w 12191999"/>
              <a:gd name="connsiteY265" fmla="*/ 469801 h 6858000"/>
              <a:gd name="connsiteX266" fmla="*/ 11346260 w 12191999"/>
              <a:gd name="connsiteY266" fmla="*/ 478275 h 6858000"/>
              <a:gd name="connsiteX267" fmla="*/ 11361744 w 12191999"/>
              <a:gd name="connsiteY267" fmla="*/ 470744 h 6858000"/>
              <a:gd name="connsiteX268" fmla="*/ 11358173 w 12191999"/>
              <a:gd name="connsiteY268" fmla="*/ 469801 h 6858000"/>
              <a:gd name="connsiteX269" fmla="*/ 11354455 w 12191999"/>
              <a:gd name="connsiteY269" fmla="*/ 453696 h 6858000"/>
              <a:gd name="connsiteX270" fmla="*/ 11379471 w 12191999"/>
              <a:gd name="connsiteY270" fmla="*/ 464453 h 6858000"/>
              <a:gd name="connsiteX271" fmla="*/ 11401267 w 12191999"/>
              <a:gd name="connsiteY271" fmla="*/ 487522 h 6858000"/>
              <a:gd name="connsiteX272" fmla="*/ 11376515 w 12191999"/>
              <a:gd name="connsiteY272" fmla="*/ 541611 h 6858000"/>
              <a:gd name="connsiteX273" fmla="*/ 11357665 w 12191999"/>
              <a:gd name="connsiteY273" fmla="*/ 511745 h 6858000"/>
              <a:gd name="connsiteX274" fmla="*/ 11330734 w 12191999"/>
              <a:gd name="connsiteY274" fmla="*/ 504052 h 6858000"/>
              <a:gd name="connsiteX275" fmla="*/ 11328166 w 12191999"/>
              <a:gd name="connsiteY275" fmla="*/ 491881 h 6858000"/>
              <a:gd name="connsiteX276" fmla="*/ 11335600 w 12191999"/>
              <a:gd name="connsiteY276" fmla="*/ 481879 h 6858000"/>
              <a:gd name="connsiteX277" fmla="*/ 11338297 w 12191999"/>
              <a:gd name="connsiteY277" fmla="*/ 470604 h 6858000"/>
              <a:gd name="connsiteX278" fmla="*/ 11349972 w 12191999"/>
              <a:gd name="connsiteY278" fmla="*/ 456124 h 6858000"/>
              <a:gd name="connsiteX279" fmla="*/ 11354455 w 12191999"/>
              <a:gd name="connsiteY279" fmla="*/ 453696 h 6858000"/>
              <a:gd name="connsiteX280" fmla="*/ 11324025 w 12191999"/>
              <a:gd name="connsiteY280" fmla="*/ 392924 h 6858000"/>
              <a:gd name="connsiteX281" fmla="*/ 11322134 w 12191999"/>
              <a:gd name="connsiteY281" fmla="*/ 400006 h 6858000"/>
              <a:gd name="connsiteX282" fmla="*/ 11335988 w 12191999"/>
              <a:gd name="connsiteY282" fmla="*/ 441536 h 6858000"/>
              <a:gd name="connsiteX283" fmla="*/ 11339193 w 12191999"/>
              <a:gd name="connsiteY283" fmla="*/ 451786 h 6858000"/>
              <a:gd name="connsiteX284" fmla="*/ 11328425 w 12191999"/>
              <a:gd name="connsiteY284" fmla="*/ 467162 h 6858000"/>
              <a:gd name="connsiteX285" fmla="*/ 11327270 w 12191999"/>
              <a:gd name="connsiteY285" fmla="*/ 474855 h 6858000"/>
              <a:gd name="connsiteX286" fmla="*/ 11315477 w 12191999"/>
              <a:gd name="connsiteY286" fmla="*/ 490748 h 6858000"/>
              <a:gd name="connsiteX287" fmla="*/ 11317268 w 12191999"/>
              <a:gd name="connsiteY287" fmla="*/ 503696 h 6858000"/>
              <a:gd name="connsiteX288" fmla="*/ 11327788 w 12191999"/>
              <a:gd name="connsiteY288" fmla="*/ 514594 h 6858000"/>
              <a:gd name="connsiteX289" fmla="*/ 11341890 w 12191999"/>
              <a:gd name="connsiteY289" fmla="*/ 516137 h 6858000"/>
              <a:gd name="connsiteX290" fmla="*/ 11358561 w 12191999"/>
              <a:gd name="connsiteY290" fmla="*/ 529214 h 6858000"/>
              <a:gd name="connsiteX291" fmla="*/ 11388308 w 12191999"/>
              <a:gd name="connsiteY291" fmla="*/ 580476 h 6858000"/>
              <a:gd name="connsiteX292" fmla="*/ 11394717 w 12191999"/>
              <a:gd name="connsiteY292" fmla="*/ 606490 h 6858000"/>
              <a:gd name="connsiteX293" fmla="*/ 11360611 w 12191999"/>
              <a:gd name="connsiteY293" fmla="*/ 709026 h 6858000"/>
              <a:gd name="connsiteX294" fmla="*/ 11362402 w 12191999"/>
              <a:gd name="connsiteY294" fmla="*/ 719406 h 6858000"/>
              <a:gd name="connsiteX295" fmla="*/ 11388567 w 12191999"/>
              <a:gd name="connsiteY295" fmla="*/ 719406 h 6858000"/>
              <a:gd name="connsiteX296" fmla="*/ 11394210 w 12191999"/>
              <a:gd name="connsiteY296" fmla="*/ 711972 h 6858000"/>
              <a:gd name="connsiteX297" fmla="*/ 11429094 w 12191999"/>
              <a:gd name="connsiteY297" fmla="*/ 608411 h 6858000"/>
              <a:gd name="connsiteX298" fmla="*/ 11464484 w 12191999"/>
              <a:gd name="connsiteY298" fmla="*/ 709921 h 6858000"/>
              <a:gd name="connsiteX299" fmla="*/ 11468207 w 12191999"/>
              <a:gd name="connsiteY299" fmla="*/ 719665 h 6858000"/>
              <a:gd name="connsiteX300" fmla="*/ 11490650 w 12191999"/>
              <a:gd name="connsiteY300" fmla="*/ 719665 h 6858000"/>
              <a:gd name="connsiteX301" fmla="*/ 11497954 w 12191999"/>
              <a:gd name="connsiteY301" fmla="*/ 713126 h 6858000"/>
              <a:gd name="connsiteX302" fmla="*/ 11473979 w 12191999"/>
              <a:gd name="connsiteY302" fmla="*/ 619309 h 6858000"/>
              <a:gd name="connsiteX303" fmla="*/ 11535276 w 12191999"/>
              <a:gd name="connsiteY303" fmla="*/ 595345 h 6858000"/>
              <a:gd name="connsiteX304" fmla="*/ 11569383 w 12191999"/>
              <a:gd name="connsiteY304" fmla="*/ 622136 h 6858000"/>
              <a:gd name="connsiteX305" fmla="*/ 11512315 w 12191999"/>
              <a:gd name="connsiteY305" fmla="*/ 709932 h 6858000"/>
              <a:gd name="connsiteX306" fmla="*/ 11514624 w 12191999"/>
              <a:gd name="connsiteY306" fmla="*/ 719417 h 6858000"/>
              <a:gd name="connsiteX307" fmla="*/ 11538351 w 12191999"/>
              <a:gd name="connsiteY307" fmla="*/ 719417 h 6858000"/>
              <a:gd name="connsiteX308" fmla="*/ 11547069 w 12191999"/>
              <a:gd name="connsiteY308" fmla="*/ 713903 h 6858000"/>
              <a:gd name="connsiteX309" fmla="*/ 11598623 w 12191999"/>
              <a:gd name="connsiteY309" fmla="*/ 630983 h 6858000"/>
              <a:gd name="connsiteX310" fmla="*/ 11608496 w 12191999"/>
              <a:gd name="connsiteY310" fmla="*/ 600869 h 6858000"/>
              <a:gd name="connsiteX311" fmla="*/ 11599130 w 12191999"/>
              <a:gd name="connsiteY311" fmla="*/ 710062 h 6858000"/>
              <a:gd name="connsiteX312" fmla="*/ 11601439 w 12191999"/>
              <a:gd name="connsiteY312" fmla="*/ 719287 h 6858000"/>
              <a:gd name="connsiteX313" fmla="*/ 11622857 w 12191999"/>
              <a:gd name="connsiteY313" fmla="*/ 719287 h 6858000"/>
              <a:gd name="connsiteX314" fmla="*/ 11629525 w 12191999"/>
              <a:gd name="connsiteY314" fmla="*/ 711087 h 6858000"/>
              <a:gd name="connsiteX315" fmla="*/ 11634650 w 12191999"/>
              <a:gd name="connsiteY315" fmla="*/ 693014 h 6858000"/>
              <a:gd name="connsiteX316" fmla="*/ 11654018 w 12191999"/>
              <a:gd name="connsiteY316" fmla="*/ 688018 h 6858000"/>
              <a:gd name="connsiteX317" fmla="*/ 11659024 w 12191999"/>
              <a:gd name="connsiteY317" fmla="*/ 680584 h 6858000"/>
              <a:gd name="connsiteX318" fmla="*/ 11654654 w 12191999"/>
              <a:gd name="connsiteY318" fmla="*/ 520852 h 6858000"/>
              <a:gd name="connsiteX319" fmla="*/ 11603360 w 12191999"/>
              <a:gd name="connsiteY319" fmla="*/ 487533 h 6858000"/>
              <a:gd name="connsiteX320" fmla="*/ 11526547 w 12191999"/>
              <a:gd name="connsiteY320" fmla="*/ 493424 h 6858000"/>
              <a:gd name="connsiteX321" fmla="*/ 11402033 w 12191999"/>
              <a:gd name="connsiteY321" fmla="*/ 464842 h 6858000"/>
              <a:gd name="connsiteX322" fmla="*/ 11401644 w 12191999"/>
              <a:gd name="connsiteY322" fmla="*/ 459199 h 6858000"/>
              <a:gd name="connsiteX323" fmla="*/ 11433960 w 12191999"/>
              <a:gd name="connsiteY323" fmla="*/ 433314 h 6858000"/>
              <a:gd name="connsiteX324" fmla="*/ 11431392 w 12191999"/>
              <a:gd name="connsiteY324" fmla="*/ 426398 h 6858000"/>
              <a:gd name="connsiteX325" fmla="*/ 11365995 w 12191999"/>
              <a:gd name="connsiteY325" fmla="*/ 438191 h 6858000"/>
              <a:gd name="connsiteX326" fmla="*/ 11327648 w 12191999"/>
              <a:gd name="connsiteY326" fmla="*/ 397567 h 6858000"/>
              <a:gd name="connsiteX327" fmla="*/ 11324025 w 12191999"/>
              <a:gd name="connsiteY327" fmla="*/ 392924 h 6858000"/>
              <a:gd name="connsiteX328" fmla="*/ 11391491 w 12191999"/>
              <a:gd name="connsiteY328" fmla="*/ 334037 h 6858000"/>
              <a:gd name="connsiteX329" fmla="*/ 11426364 w 12191999"/>
              <a:gd name="connsiteY329" fmla="*/ 368996 h 6858000"/>
              <a:gd name="connsiteX330" fmla="*/ 11391491 w 12191999"/>
              <a:gd name="connsiteY330" fmla="*/ 403955 h 6858000"/>
              <a:gd name="connsiteX331" fmla="*/ 11356360 w 12191999"/>
              <a:gd name="connsiteY331" fmla="*/ 368996 h 6858000"/>
              <a:gd name="connsiteX332" fmla="*/ 11391491 w 12191999"/>
              <a:gd name="connsiteY332" fmla="*/ 334037 h 6858000"/>
              <a:gd name="connsiteX333" fmla="*/ 11389959 w 12191999"/>
              <a:gd name="connsiteY333" fmla="*/ 321618 h 6858000"/>
              <a:gd name="connsiteX334" fmla="*/ 11337262 w 12191999"/>
              <a:gd name="connsiteY334" fmla="*/ 374510 h 6858000"/>
              <a:gd name="connsiteX335" fmla="*/ 11389959 w 12191999"/>
              <a:gd name="connsiteY335" fmla="*/ 427401 h 6858000"/>
              <a:gd name="connsiteX336" fmla="*/ 11442656 w 12191999"/>
              <a:gd name="connsiteY336" fmla="*/ 374510 h 6858000"/>
              <a:gd name="connsiteX337" fmla="*/ 11389959 w 12191999"/>
              <a:gd name="connsiteY337" fmla="*/ 321618 h 6858000"/>
              <a:gd name="connsiteX338" fmla="*/ 0 w 12191999"/>
              <a:gd name="connsiteY338" fmla="*/ 0 h 6858000"/>
              <a:gd name="connsiteX339" fmla="*/ 12191999 w 12191999"/>
              <a:gd name="connsiteY339" fmla="*/ 0 h 6858000"/>
              <a:gd name="connsiteX340" fmla="*/ 12191999 w 12191999"/>
              <a:gd name="connsiteY340" fmla="*/ 6858000 h 6858000"/>
              <a:gd name="connsiteX341" fmla="*/ 0 w 12191999"/>
              <a:gd name="connsiteY34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</a:cxnLst>
            <a:rect l="l" t="t" r="r" b="b"/>
            <a:pathLst>
              <a:path w="12191999" h="6858000">
                <a:moveTo>
                  <a:pt x="11666200" y="756760"/>
                </a:moveTo>
                <a:cubicBezTo>
                  <a:pt x="11673094" y="756760"/>
                  <a:pt x="11676288" y="758940"/>
                  <a:pt x="11678975" y="761119"/>
                </a:cubicBezTo>
                <a:cubicBezTo>
                  <a:pt x="11678975" y="808195"/>
                  <a:pt x="11678975" y="808195"/>
                  <a:pt x="11678975" y="808195"/>
                </a:cubicBezTo>
                <a:lnTo>
                  <a:pt x="11678845" y="808195"/>
                </a:lnTo>
                <a:cubicBezTo>
                  <a:pt x="11678845" y="811658"/>
                  <a:pt x="11673094" y="813579"/>
                  <a:pt x="11667095" y="813579"/>
                </a:cubicBezTo>
                <a:cubicBezTo>
                  <a:pt x="11654191" y="813579"/>
                  <a:pt x="11644998" y="802671"/>
                  <a:pt x="11644998" y="784080"/>
                </a:cubicBezTo>
                <a:cubicBezTo>
                  <a:pt x="11644998" y="767658"/>
                  <a:pt x="11653942" y="756760"/>
                  <a:pt x="11666200" y="756760"/>
                </a:cubicBezTo>
                <a:close/>
                <a:moveTo>
                  <a:pt x="11553608" y="755951"/>
                </a:moveTo>
                <a:cubicBezTo>
                  <a:pt x="11558334" y="755951"/>
                  <a:pt x="11561787" y="756976"/>
                  <a:pt x="11565369" y="760439"/>
                </a:cubicBezTo>
                <a:cubicBezTo>
                  <a:pt x="11569210" y="764032"/>
                  <a:pt x="11571638" y="771995"/>
                  <a:pt x="11571638" y="784954"/>
                </a:cubicBezTo>
                <a:cubicBezTo>
                  <a:pt x="11571638" y="797535"/>
                  <a:pt x="11569210" y="805746"/>
                  <a:pt x="11565369" y="809339"/>
                </a:cubicBezTo>
                <a:cubicBezTo>
                  <a:pt x="11561787" y="812802"/>
                  <a:pt x="11558334" y="813698"/>
                  <a:pt x="11553608" y="813698"/>
                </a:cubicBezTo>
                <a:cubicBezTo>
                  <a:pt x="11548882" y="813698"/>
                  <a:pt x="11545677" y="812802"/>
                  <a:pt x="11542106" y="809339"/>
                </a:cubicBezTo>
                <a:cubicBezTo>
                  <a:pt x="11538394" y="805746"/>
                  <a:pt x="11535837" y="797783"/>
                  <a:pt x="11535837" y="784954"/>
                </a:cubicBezTo>
                <a:cubicBezTo>
                  <a:pt x="11535837" y="772243"/>
                  <a:pt x="11538394" y="764032"/>
                  <a:pt x="11542106" y="760439"/>
                </a:cubicBezTo>
                <a:cubicBezTo>
                  <a:pt x="11545688" y="756976"/>
                  <a:pt x="11549141" y="755951"/>
                  <a:pt x="11553608" y="755951"/>
                </a:cubicBezTo>
                <a:close/>
                <a:moveTo>
                  <a:pt x="11389948" y="755951"/>
                </a:moveTo>
                <a:cubicBezTo>
                  <a:pt x="11394707" y="755951"/>
                  <a:pt x="11397911" y="756976"/>
                  <a:pt x="11401504" y="760439"/>
                </a:cubicBezTo>
                <a:cubicBezTo>
                  <a:pt x="11405356" y="764032"/>
                  <a:pt x="11407795" y="771995"/>
                  <a:pt x="11407795" y="784954"/>
                </a:cubicBezTo>
                <a:cubicBezTo>
                  <a:pt x="11407795" y="797535"/>
                  <a:pt x="11405356" y="805746"/>
                  <a:pt x="11401504" y="809339"/>
                </a:cubicBezTo>
                <a:cubicBezTo>
                  <a:pt x="11397911" y="812802"/>
                  <a:pt x="11394448" y="813698"/>
                  <a:pt x="11389948" y="813698"/>
                </a:cubicBezTo>
                <a:cubicBezTo>
                  <a:pt x="11385201" y="813698"/>
                  <a:pt x="11381985" y="812802"/>
                  <a:pt x="11378133" y="809339"/>
                </a:cubicBezTo>
                <a:cubicBezTo>
                  <a:pt x="11374411" y="805746"/>
                  <a:pt x="11371843" y="797783"/>
                  <a:pt x="11371843" y="784954"/>
                </a:cubicBezTo>
                <a:cubicBezTo>
                  <a:pt x="11371843" y="772243"/>
                  <a:pt x="11374411" y="764032"/>
                  <a:pt x="11378133" y="760439"/>
                </a:cubicBezTo>
                <a:cubicBezTo>
                  <a:pt x="11381726" y="756976"/>
                  <a:pt x="11385190" y="755951"/>
                  <a:pt x="11389948" y="755951"/>
                </a:cubicBezTo>
                <a:close/>
                <a:moveTo>
                  <a:pt x="11267462" y="755951"/>
                </a:moveTo>
                <a:cubicBezTo>
                  <a:pt x="11272210" y="755951"/>
                  <a:pt x="11275425" y="756976"/>
                  <a:pt x="11279148" y="760439"/>
                </a:cubicBezTo>
                <a:cubicBezTo>
                  <a:pt x="11282881" y="764032"/>
                  <a:pt x="11285438" y="771995"/>
                  <a:pt x="11285438" y="784954"/>
                </a:cubicBezTo>
                <a:cubicBezTo>
                  <a:pt x="11285438" y="797535"/>
                  <a:pt x="11283000" y="805746"/>
                  <a:pt x="11279148" y="809339"/>
                </a:cubicBezTo>
                <a:cubicBezTo>
                  <a:pt x="11275555" y="812802"/>
                  <a:pt x="11272210" y="813698"/>
                  <a:pt x="11267462" y="813698"/>
                </a:cubicBezTo>
                <a:cubicBezTo>
                  <a:pt x="11262715" y="813698"/>
                  <a:pt x="11259499" y="812802"/>
                  <a:pt x="11255907" y="809339"/>
                </a:cubicBezTo>
                <a:cubicBezTo>
                  <a:pt x="11252054" y="805746"/>
                  <a:pt x="11249616" y="797783"/>
                  <a:pt x="11249616" y="784954"/>
                </a:cubicBezTo>
                <a:cubicBezTo>
                  <a:pt x="11249616" y="772243"/>
                  <a:pt x="11252054" y="764032"/>
                  <a:pt x="11255907" y="760439"/>
                </a:cubicBezTo>
                <a:cubicBezTo>
                  <a:pt x="11259499" y="756976"/>
                  <a:pt x="11262844" y="755951"/>
                  <a:pt x="11267462" y="755951"/>
                </a:cubicBezTo>
                <a:close/>
                <a:moveTo>
                  <a:pt x="11708668" y="750005"/>
                </a:moveTo>
                <a:cubicBezTo>
                  <a:pt x="11706381" y="750005"/>
                  <a:pt x="11706381" y="750772"/>
                  <a:pt x="11706381" y="752433"/>
                </a:cubicBezTo>
                <a:cubicBezTo>
                  <a:pt x="11706381" y="817032"/>
                  <a:pt x="11706381" y="817032"/>
                  <a:pt x="11706381" y="817032"/>
                </a:cubicBezTo>
                <a:cubicBezTo>
                  <a:pt x="11706381" y="818952"/>
                  <a:pt x="11706381" y="819459"/>
                  <a:pt x="11708420" y="819459"/>
                </a:cubicBezTo>
                <a:cubicBezTo>
                  <a:pt x="11715671" y="819459"/>
                  <a:pt x="11715671" y="819459"/>
                  <a:pt x="11715671" y="819459"/>
                </a:cubicBezTo>
                <a:cubicBezTo>
                  <a:pt x="11717699" y="819330"/>
                  <a:pt x="11718206" y="819330"/>
                  <a:pt x="11718206" y="817032"/>
                </a:cubicBezTo>
                <a:cubicBezTo>
                  <a:pt x="11718206" y="752433"/>
                  <a:pt x="11718206" y="752433"/>
                  <a:pt x="11718206" y="752433"/>
                </a:cubicBezTo>
                <a:cubicBezTo>
                  <a:pt x="11718206" y="750383"/>
                  <a:pt x="11717699" y="750005"/>
                  <a:pt x="11715660" y="750005"/>
                </a:cubicBezTo>
                <a:cubicBezTo>
                  <a:pt x="11708668" y="750005"/>
                  <a:pt x="11708668" y="750005"/>
                  <a:pt x="11708668" y="750005"/>
                </a:cubicBezTo>
                <a:close/>
                <a:moveTo>
                  <a:pt x="11826514" y="749671"/>
                </a:moveTo>
                <a:cubicBezTo>
                  <a:pt x="11824076" y="749671"/>
                  <a:pt x="11823170" y="749542"/>
                  <a:pt x="11822404" y="751851"/>
                </a:cubicBezTo>
                <a:cubicBezTo>
                  <a:pt x="11818552" y="763374"/>
                  <a:pt x="11808647" y="775804"/>
                  <a:pt x="11798623" y="781695"/>
                </a:cubicBezTo>
                <a:cubicBezTo>
                  <a:pt x="11798234" y="782084"/>
                  <a:pt x="11798105" y="782461"/>
                  <a:pt x="11798105" y="782461"/>
                </a:cubicBezTo>
                <a:cubicBezTo>
                  <a:pt x="11798105" y="782591"/>
                  <a:pt x="11798234" y="782968"/>
                  <a:pt x="11798234" y="783227"/>
                </a:cubicBezTo>
                <a:cubicBezTo>
                  <a:pt x="11822145" y="817420"/>
                  <a:pt x="11822145" y="817420"/>
                  <a:pt x="11822145" y="817420"/>
                </a:cubicBezTo>
                <a:cubicBezTo>
                  <a:pt x="11823558" y="819470"/>
                  <a:pt x="11824076" y="819470"/>
                  <a:pt x="11826126" y="819470"/>
                </a:cubicBezTo>
                <a:cubicBezTo>
                  <a:pt x="11835254" y="819470"/>
                  <a:pt x="11835254" y="819470"/>
                  <a:pt x="11835254" y="819470"/>
                </a:cubicBezTo>
                <a:cubicBezTo>
                  <a:pt x="11835891" y="819330"/>
                  <a:pt x="11837175" y="819330"/>
                  <a:pt x="11837175" y="817798"/>
                </a:cubicBezTo>
                <a:cubicBezTo>
                  <a:pt x="11837175" y="817291"/>
                  <a:pt x="11836786" y="816643"/>
                  <a:pt x="11836279" y="816136"/>
                </a:cubicBezTo>
                <a:cubicBezTo>
                  <a:pt x="11810826" y="782450"/>
                  <a:pt x="11810826" y="782450"/>
                  <a:pt x="11810826" y="782450"/>
                </a:cubicBezTo>
                <a:cubicBezTo>
                  <a:pt x="11810567" y="782192"/>
                  <a:pt x="11810567" y="782192"/>
                  <a:pt x="11810567" y="782192"/>
                </a:cubicBezTo>
                <a:cubicBezTo>
                  <a:pt x="11819566" y="775534"/>
                  <a:pt x="11828824" y="765154"/>
                  <a:pt x="11834607" y="753890"/>
                </a:cubicBezTo>
                <a:cubicBezTo>
                  <a:pt x="11835125" y="752606"/>
                  <a:pt x="11835254" y="751969"/>
                  <a:pt x="11835254" y="751203"/>
                </a:cubicBezTo>
                <a:cubicBezTo>
                  <a:pt x="11835254" y="750049"/>
                  <a:pt x="11834607" y="749671"/>
                  <a:pt x="11832816" y="749671"/>
                </a:cubicBezTo>
                <a:cubicBezTo>
                  <a:pt x="11826514" y="749671"/>
                  <a:pt x="11826514" y="749671"/>
                  <a:pt x="11826514" y="749671"/>
                </a:cubicBezTo>
                <a:close/>
                <a:moveTo>
                  <a:pt x="11301634" y="749671"/>
                </a:moveTo>
                <a:cubicBezTo>
                  <a:pt x="11301116" y="749671"/>
                  <a:pt x="11299832" y="749671"/>
                  <a:pt x="11299832" y="751462"/>
                </a:cubicBezTo>
                <a:cubicBezTo>
                  <a:pt x="11299832" y="751980"/>
                  <a:pt x="11299961" y="752617"/>
                  <a:pt x="11300350" y="753383"/>
                </a:cubicBezTo>
                <a:cubicBezTo>
                  <a:pt x="11324605" y="817399"/>
                  <a:pt x="11324605" y="817399"/>
                  <a:pt x="11324605" y="817399"/>
                </a:cubicBezTo>
                <a:cubicBezTo>
                  <a:pt x="11325371" y="818941"/>
                  <a:pt x="11325630" y="819449"/>
                  <a:pt x="11326785" y="819449"/>
                </a:cubicBezTo>
                <a:cubicBezTo>
                  <a:pt x="11332050" y="819449"/>
                  <a:pt x="11332050" y="819449"/>
                  <a:pt x="11332050" y="819449"/>
                </a:cubicBezTo>
                <a:cubicBezTo>
                  <a:pt x="11333593" y="819449"/>
                  <a:pt x="11333971" y="819190"/>
                  <a:pt x="11334489" y="817399"/>
                </a:cubicBezTo>
                <a:cubicBezTo>
                  <a:pt x="11358108" y="753135"/>
                  <a:pt x="11358108" y="753135"/>
                  <a:pt x="11358108" y="753135"/>
                </a:cubicBezTo>
                <a:cubicBezTo>
                  <a:pt x="11358366" y="751592"/>
                  <a:pt x="11358366" y="751462"/>
                  <a:pt x="11358366" y="751085"/>
                </a:cubicBezTo>
                <a:cubicBezTo>
                  <a:pt x="11358366" y="749671"/>
                  <a:pt x="11357341" y="749671"/>
                  <a:pt x="11356694" y="749671"/>
                </a:cubicBezTo>
                <a:cubicBezTo>
                  <a:pt x="11350015" y="749671"/>
                  <a:pt x="11350015" y="749671"/>
                  <a:pt x="11350015" y="749671"/>
                </a:cubicBezTo>
                <a:cubicBezTo>
                  <a:pt x="11349120" y="749930"/>
                  <a:pt x="11348990" y="750308"/>
                  <a:pt x="11348343" y="751592"/>
                </a:cubicBezTo>
                <a:cubicBezTo>
                  <a:pt x="11330885" y="802908"/>
                  <a:pt x="11330885" y="802908"/>
                  <a:pt x="11330885" y="802908"/>
                </a:cubicBezTo>
                <a:cubicBezTo>
                  <a:pt x="11312920" y="751851"/>
                  <a:pt x="11312920" y="751851"/>
                  <a:pt x="11312920" y="751851"/>
                </a:cubicBezTo>
                <a:cubicBezTo>
                  <a:pt x="11312154" y="749930"/>
                  <a:pt x="11311895" y="749671"/>
                  <a:pt x="11309845" y="749671"/>
                </a:cubicBezTo>
                <a:cubicBezTo>
                  <a:pt x="11301634" y="749671"/>
                  <a:pt x="11301634" y="749671"/>
                  <a:pt x="11301634" y="749671"/>
                </a:cubicBezTo>
                <a:close/>
                <a:moveTo>
                  <a:pt x="11754223" y="748506"/>
                </a:moveTo>
                <a:cubicBezTo>
                  <a:pt x="11742149" y="748506"/>
                  <a:pt x="11731241" y="755185"/>
                  <a:pt x="11731241" y="767625"/>
                </a:cubicBezTo>
                <a:cubicBezTo>
                  <a:pt x="11731241" y="779300"/>
                  <a:pt x="11739462" y="784177"/>
                  <a:pt x="11749346" y="788417"/>
                </a:cubicBezTo>
                <a:cubicBezTo>
                  <a:pt x="11757050" y="791622"/>
                  <a:pt x="11764236" y="794708"/>
                  <a:pt x="11764236" y="801894"/>
                </a:cubicBezTo>
                <a:cubicBezTo>
                  <a:pt x="11764236" y="807407"/>
                  <a:pt x="11759866" y="813698"/>
                  <a:pt x="11750500" y="813698"/>
                </a:cubicBezTo>
                <a:cubicBezTo>
                  <a:pt x="11740995" y="813698"/>
                  <a:pt x="11738308" y="806641"/>
                  <a:pt x="11733679" y="806641"/>
                </a:cubicBezTo>
                <a:cubicBezTo>
                  <a:pt x="11731500" y="806641"/>
                  <a:pt x="11728673" y="807666"/>
                  <a:pt x="11728673" y="811130"/>
                </a:cubicBezTo>
                <a:cubicBezTo>
                  <a:pt x="11728673" y="816643"/>
                  <a:pt x="11739462" y="821402"/>
                  <a:pt x="11750241" y="821402"/>
                </a:cubicBezTo>
                <a:cubicBezTo>
                  <a:pt x="11762434" y="821531"/>
                  <a:pt x="11774896" y="815111"/>
                  <a:pt x="11774896" y="800610"/>
                </a:cubicBezTo>
                <a:cubicBezTo>
                  <a:pt x="11774896" y="777897"/>
                  <a:pt x="11741901" y="781490"/>
                  <a:pt x="11741901" y="766471"/>
                </a:cubicBezTo>
                <a:cubicBezTo>
                  <a:pt x="11741901" y="761335"/>
                  <a:pt x="11745882" y="756199"/>
                  <a:pt x="11753457" y="756199"/>
                </a:cubicBezTo>
                <a:cubicBezTo>
                  <a:pt x="11761290" y="756199"/>
                  <a:pt x="11763340" y="761335"/>
                  <a:pt x="11767322" y="761335"/>
                </a:cubicBezTo>
                <a:cubicBezTo>
                  <a:pt x="11769372" y="761335"/>
                  <a:pt x="11772328" y="760180"/>
                  <a:pt x="11772328" y="756587"/>
                </a:cubicBezTo>
                <a:cubicBezTo>
                  <a:pt x="11772328" y="751452"/>
                  <a:pt x="11763599" y="748506"/>
                  <a:pt x="11754223" y="748506"/>
                </a:cubicBezTo>
                <a:close/>
                <a:moveTo>
                  <a:pt x="11614257" y="748117"/>
                </a:moveTo>
                <a:cubicBezTo>
                  <a:pt x="11607082" y="748117"/>
                  <a:pt x="11602594" y="749272"/>
                  <a:pt x="11599001" y="750167"/>
                </a:cubicBezTo>
                <a:cubicBezTo>
                  <a:pt x="11594383" y="751322"/>
                  <a:pt x="11592721" y="753491"/>
                  <a:pt x="11592721" y="755659"/>
                </a:cubicBezTo>
                <a:cubicBezTo>
                  <a:pt x="11592721" y="816902"/>
                  <a:pt x="11592721" y="816902"/>
                  <a:pt x="11592721" y="816902"/>
                </a:cubicBezTo>
                <a:cubicBezTo>
                  <a:pt x="11592721" y="818952"/>
                  <a:pt x="11593487" y="819071"/>
                  <a:pt x="11595418" y="819071"/>
                </a:cubicBezTo>
                <a:cubicBezTo>
                  <a:pt x="11602216" y="819071"/>
                  <a:pt x="11602216" y="819071"/>
                  <a:pt x="11602216" y="819071"/>
                </a:cubicBezTo>
                <a:cubicBezTo>
                  <a:pt x="11603878" y="819071"/>
                  <a:pt x="11604654" y="818942"/>
                  <a:pt x="11604654" y="816902"/>
                </a:cubicBezTo>
                <a:cubicBezTo>
                  <a:pt x="11604654" y="760774"/>
                  <a:pt x="11604654" y="760774"/>
                  <a:pt x="11604654" y="760774"/>
                </a:cubicBezTo>
                <a:cubicBezTo>
                  <a:pt x="11604654" y="757192"/>
                  <a:pt x="11607471" y="754764"/>
                  <a:pt x="11611452" y="754764"/>
                </a:cubicBezTo>
                <a:cubicBezTo>
                  <a:pt x="11620041" y="754764"/>
                  <a:pt x="11621325" y="761033"/>
                  <a:pt x="11625943" y="761033"/>
                </a:cubicBezTo>
                <a:cubicBezTo>
                  <a:pt x="11629255" y="761162"/>
                  <a:pt x="11631823" y="759112"/>
                  <a:pt x="11631823" y="755152"/>
                </a:cubicBezTo>
                <a:cubicBezTo>
                  <a:pt x="11631823" y="750167"/>
                  <a:pt x="11623623" y="748117"/>
                  <a:pt x="11614257" y="748117"/>
                </a:cubicBezTo>
                <a:close/>
                <a:moveTo>
                  <a:pt x="11553619" y="748117"/>
                </a:moveTo>
                <a:cubicBezTo>
                  <a:pt x="11547609" y="748117"/>
                  <a:pt x="11541221" y="749919"/>
                  <a:pt x="11536236" y="753124"/>
                </a:cubicBezTo>
                <a:cubicBezTo>
                  <a:pt x="11528565" y="758519"/>
                  <a:pt x="11523450" y="768780"/>
                  <a:pt x="11523450" y="784954"/>
                </a:cubicBezTo>
                <a:cubicBezTo>
                  <a:pt x="11523450" y="800998"/>
                  <a:pt x="11528565" y="811270"/>
                  <a:pt x="11536236" y="816654"/>
                </a:cubicBezTo>
                <a:cubicBezTo>
                  <a:pt x="11540962" y="819988"/>
                  <a:pt x="11547490" y="821531"/>
                  <a:pt x="11553619" y="821531"/>
                </a:cubicBezTo>
                <a:cubicBezTo>
                  <a:pt x="11559888" y="821531"/>
                  <a:pt x="11566275" y="819859"/>
                  <a:pt x="11571001" y="816654"/>
                </a:cubicBezTo>
                <a:cubicBezTo>
                  <a:pt x="11578802" y="811259"/>
                  <a:pt x="11583917" y="800998"/>
                  <a:pt x="11583917" y="784954"/>
                </a:cubicBezTo>
                <a:cubicBezTo>
                  <a:pt x="11583917" y="768780"/>
                  <a:pt x="11578802" y="758519"/>
                  <a:pt x="11571001" y="753124"/>
                </a:cubicBezTo>
                <a:cubicBezTo>
                  <a:pt x="11566146" y="749660"/>
                  <a:pt x="11559747" y="748117"/>
                  <a:pt x="11553619" y="748117"/>
                </a:cubicBezTo>
                <a:close/>
                <a:moveTo>
                  <a:pt x="11486031" y="748117"/>
                </a:moveTo>
                <a:cubicBezTo>
                  <a:pt x="11475824" y="748117"/>
                  <a:pt x="11468930" y="750297"/>
                  <a:pt x="11465229" y="751452"/>
                </a:cubicBezTo>
                <a:cubicBezTo>
                  <a:pt x="11460632" y="752994"/>
                  <a:pt x="11459230" y="754656"/>
                  <a:pt x="11459230" y="756965"/>
                </a:cubicBezTo>
                <a:cubicBezTo>
                  <a:pt x="11459230" y="817010"/>
                  <a:pt x="11459230" y="817010"/>
                  <a:pt x="11459230" y="817010"/>
                </a:cubicBezTo>
                <a:cubicBezTo>
                  <a:pt x="11459230" y="819190"/>
                  <a:pt x="11459737" y="819449"/>
                  <a:pt x="11461787" y="819449"/>
                </a:cubicBezTo>
                <a:cubicBezTo>
                  <a:pt x="11468422" y="819449"/>
                  <a:pt x="11468422" y="819449"/>
                  <a:pt x="11468422" y="819449"/>
                </a:cubicBezTo>
                <a:cubicBezTo>
                  <a:pt x="11470332" y="819449"/>
                  <a:pt x="11471228" y="819190"/>
                  <a:pt x="11471228" y="816751"/>
                </a:cubicBezTo>
                <a:cubicBezTo>
                  <a:pt x="11471228" y="761454"/>
                  <a:pt x="11471228" y="761454"/>
                  <a:pt x="11471228" y="761454"/>
                </a:cubicBezTo>
                <a:cubicBezTo>
                  <a:pt x="11471228" y="758497"/>
                  <a:pt x="11476331" y="755422"/>
                  <a:pt x="11485654" y="755422"/>
                </a:cubicBezTo>
                <a:cubicBezTo>
                  <a:pt x="11501223" y="755422"/>
                  <a:pt x="11501223" y="765554"/>
                  <a:pt x="11501223" y="771844"/>
                </a:cubicBezTo>
                <a:cubicBezTo>
                  <a:pt x="11501223" y="816751"/>
                  <a:pt x="11501223" y="816751"/>
                  <a:pt x="11501223" y="816751"/>
                </a:cubicBezTo>
                <a:cubicBezTo>
                  <a:pt x="11501223" y="819190"/>
                  <a:pt x="11501990" y="819449"/>
                  <a:pt x="11504288" y="819449"/>
                </a:cubicBezTo>
                <a:cubicBezTo>
                  <a:pt x="11511690" y="819449"/>
                  <a:pt x="11511690" y="819449"/>
                  <a:pt x="11511690" y="819449"/>
                </a:cubicBezTo>
                <a:cubicBezTo>
                  <a:pt x="11512963" y="819201"/>
                  <a:pt x="11512963" y="817917"/>
                  <a:pt x="11512963" y="816762"/>
                </a:cubicBezTo>
                <a:cubicBezTo>
                  <a:pt x="11512963" y="770312"/>
                  <a:pt x="11512963" y="770312"/>
                  <a:pt x="11512963" y="770312"/>
                </a:cubicBezTo>
                <a:cubicBezTo>
                  <a:pt x="11512963" y="762230"/>
                  <a:pt x="11512704" y="748117"/>
                  <a:pt x="11486031" y="748117"/>
                </a:cubicBezTo>
                <a:close/>
                <a:moveTo>
                  <a:pt x="11389700" y="748117"/>
                </a:moveTo>
                <a:cubicBezTo>
                  <a:pt x="11383539" y="748117"/>
                  <a:pt x="11377249" y="749919"/>
                  <a:pt x="11372242" y="753124"/>
                </a:cubicBezTo>
                <a:cubicBezTo>
                  <a:pt x="11364538" y="758519"/>
                  <a:pt x="11359402" y="768780"/>
                  <a:pt x="11359402" y="784954"/>
                </a:cubicBezTo>
                <a:cubicBezTo>
                  <a:pt x="11359402" y="800998"/>
                  <a:pt x="11364538" y="811270"/>
                  <a:pt x="11372242" y="816654"/>
                </a:cubicBezTo>
                <a:cubicBezTo>
                  <a:pt x="11376990" y="819988"/>
                  <a:pt x="11383539" y="821531"/>
                  <a:pt x="11389700" y="821531"/>
                </a:cubicBezTo>
                <a:cubicBezTo>
                  <a:pt x="11395990" y="821531"/>
                  <a:pt x="11402281" y="819859"/>
                  <a:pt x="11407158" y="816654"/>
                </a:cubicBezTo>
                <a:cubicBezTo>
                  <a:pt x="11414991" y="811259"/>
                  <a:pt x="11420127" y="800998"/>
                  <a:pt x="11420127" y="784954"/>
                </a:cubicBezTo>
                <a:cubicBezTo>
                  <a:pt x="11420127" y="768780"/>
                  <a:pt x="11414991" y="758519"/>
                  <a:pt x="11407158" y="753124"/>
                </a:cubicBezTo>
                <a:cubicBezTo>
                  <a:pt x="11402540" y="749660"/>
                  <a:pt x="11395990" y="748117"/>
                  <a:pt x="11389700" y="748117"/>
                </a:cubicBezTo>
                <a:close/>
                <a:moveTo>
                  <a:pt x="11267473" y="748117"/>
                </a:moveTo>
                <a:cubicBezTo>
                  <a:pt x="11261312" y="748117"/>
                  <a:pt x="11254892" y="749919"/>
                  <a:pt x="11250015" y="753124"/>
                </a:cubicBezTo>
                <a:cubicBezTo>
                  <a:pt x="11242182" y="758519"/>
                  <a:pt x="11237046" y="768780"/>
                  <a:pt x="11237046" y="784954"/>
                </a:cubicBezTo>
                <a:cubicBezTo>
                  <a:pt x="11237046" y="800998"/>
                  <a:pt x="11242182" y="811270"/>
                  <a:pt x="11250015" y="816654"/>
                </a:cubicBezTo>
                <a:cubicBezTo>
                  <a:pt x="11254763" y="819988"/>
                  <a:pt x="11261183" y="821531"/>
                  <a:pt x="11267473" y="821531"/>
                </a:cubicBezTo>
                <a:cubicBezTo>
                  <a:pt x="11273764" y="821531"/>
                  <a:pt x="11279925" y="819859"/>
                  <a:pt x="11284931" y="816654"/>
                </a:cubicBezTo>
                <a:cubicBezTo>
                  <a:pt x="11292635" y="811259"/>
                  <a:pt x="11297771" y="800998"/>
                  <a:pt x="11297771" y="784954"/>
                </a:cubicBezTo>
                <a:cubicBezTo>
                  <a:pt x="11297771" y="768780"/>
                  <a:pt x="11292635" y="758519"/>
                  <a:pt x="11284931" y="753124"/>
                </a:cubicBezTo>
                <a:cubicBezTo>
                  <a:pt x="11279925" y="749660"/>
                  <a:pt x="11273764" y="748117"/>
                  <a:pt x="11267473" y="748117"/>
                </a:cubicBezTo>
                <a:close/>
                <a:moveTo>
                  <a:pt x="11199756" y="748117"/>
                </a:moveTo>
                <a:cubicBezTo>
                  <a:pt x="11189495" y="748117"/>
                  <a:pt x="11182698" y="750297"/>
                  <a:pt x="11178857" y="751452"/>
                </a:cubicBezTo>
                <a:cubicBezTo>
                  <a:pt x="11174368" y="752994"/>
                  <a:pt x="11172825" y="754656"/>
                  <a:pt x="11172825" y="756965"/>
                </a:cubicBezTo>
                <a:cubicBezTo>
                  <a:pt x="11172825" y="817010"/>
                  <a:pt x="11172825" y="817010"/>
                  <a:pt x="11172825" y="817010"/>
                </a:cubicBezTo>
                <a:cubicBezTo>
                  <a:pt x="11172825" y="819190"/>
                  <a:pt x="11173343" y="819449"/>
                  <a:pt x="11175263" y="819449"/>
                </a:cubicBezTo>
                <a:cubicBezTo>
                  <a:pt x="11181932" y="819449"/>
                  <a:pt x="11181932" y="819449"/>
                  <a:pt x="11181932" y="819449"/>
                </a:cubicBezTo>
                <a:cubicBezTo>
                  <a:pt x="11183852" y="819449"/>
                  <a:pt x="11184748" y="819190"/>
                  <a:pt x="11184748" y="816751"/>
                </a:cubicBezTo>
                <a:cubicBezTo>
                  <a:pt x="11184748" y="761454"/>
                  <a:pt x="11184748" y="761454"/>
                  <a:pt x="11184748" y="761454"/>
                </a:cubicBezTo>
                <a:cubicBezTo>
                  <a:pt x="11184748" y="758497"/>
                  <a:pt x="11189873" y="755422"/>
                  <a:pt x="11199238" y="755422"/>
                </a:cubicBezTo>
                <a:cubicBezTo>
                  <a:pt x="11214884" y="755422"/>
                  <a:pt x="11214884" y="765554"/>
                  <a:pt x="11214884" y="771844"/>
                </a:cubicBezTo>
                <a:cubicBezTo>
                  <a:pt x="11214884" y="816751"/>
                  <a:pt x="11214884" y="816751"/>
                  <a:pt x="11214884" y="816751"/>
                </a:cubicBezTo>
                <a:cubicBezTo>
                  <a:pt x="11214884" y="819190"/>
                  <a:pt x="11215650" y="819449"/>
                  <a:pt x="11217959" y="819449"/>
                </a:cubicBezTo>
                <a:cubicBezTo>
                  <a:pt x="11225393" y="819449"/>
                  <a:pt x="11225393" y="819449"/>
                  <a:pt x="11225393" y="819449"/>
                </a:cubicBezTo>
                <a:cubicBezTo>
                  <a:pt x="11226688" y="819201"/>
                  <a:pt x="11226817" y="817917"/>
                  <a:pt x="11226817" y="816762"/>
                </a:cubicBezTo>
                <a:cubicBezTo>
                  <a:pt x="11226817" y="770312"/>
                  <a:pt x="11226817" y="770312"/>
                  <a:pt x="11226817" y="770312"/>
                </a:cubicBezTo>
                <a:cubicBezTo>
                  <a:pt x="11226817" y="762230"/>
                  <a:pt x="11226688" y="748117"/>
                  <a:pt x="11199756" y="748117"/>
                </a:cubicBezTo>
                <a:close/>
                <a:moveTo>
                  <a:pt x="11681273" y="724801"/>
                </a:moveTo>
                <a:cubicBezTo>
                  <a:pt x="11678975" y="724801"/>
                  <a:pt x="11678845" y="725567"/>
                  <a:pt x="11678845" y="727876"/>
                </a:cubicBezTo>
                <a:cubicBezTo>
                  <a:pt x="11678845" y="752250"/>
                  <a:pt x="11678845" y="752250"/>
                  <a:pt x="11678845" y="752250"/>
                </a:cubicBezTo>
                <a:cubicBezTo>
                  <a:pt x="11674626" y="750070"/>
                  <a:pt x="11670537" y="748527"/>
                  <a:pt x="11664279" y="748527"/>
                </a:cubicBezTo>
                <a:cubicBezTo>
                  <a:pt x="11643455" y="748527"/>
                  <a:pt x="11632848" y="768413"/>
                  <a:pt x="11632848" y="784954"/>
                </a:cubicBezTo>
                <a:cubicBezTo>
                  <a:pt x="11632848" y="809587"/>
                  <a:pt x="11646260" y="821510"/>
                  <a:pt x="11666707" y="821510"/>
                </a:cubicBezTo>
                <a:cubicBezTo>
                  <a:pt x="11676547" y="821531"/>
                  <a:pt x="11690477" y="816654"/>
                  <a:pt x="11690477" y="812036"/>
                </a:cubicBezTo>
                <a:cubicBezTo>
                  <a:pt x="11690477" y="727498"/>
                  <a:pt x="11690477" y="727498"/>
                  <a:pt x="11690477" y="727498"/>
                </a:cubicBezTo>
                <a:cubicBezTo>
                  <a:pt x="11690477" y="724930"/>
                  <a:pt x="11689711" y="724801"/>
                  <a:pt x="11687919" y="724801"/>
                </a:cubicBezTo>
                <a:cubicBezTo>
                  <a:pt x="11681273" y="724801"/>
                  <a:pt x="11681273" y="724801"/>
                  <a:pt x="11681273" y="724801"/>
                </a:cubicBezTo>
                <a:close/>
                <a:moveTo>
                  <a:pt x="11786797" y="724552"/>
                </a:moveTo>
                <a:cubicBezTo>
                  <a:pt x="11785384" y="724552"/>
                  <a:pt x="11784607" y="724811"/>
                  <a:pt x="11784607" y="726732"/>
                </a:cubicBezTo>
                <a:cubicBezTo>
                  <a:pt x="11784607" y="817280"/>
                  <a:pt x="11784607" y="817280"/>
                  <a:pt x="11784607" y="817280"/>
                </a:cubicBezTo>
                <a:cubicBezTo>
                  <a:pt x="11784607" y="819071"/>
                  <a:pt x="11784995" y="819330"/>
                  <a:pt x="11786797" y="819330"/>
                </a:cubicBezTo>
                <a:cubicBezTo>
                  <a:pt x="11793864" y="819330"/>
                  <a:pt x="11793864" y="819330"/>
                  <a:pt x="11793864" y="819330"/>
                </a:cubicBezTo>
                <a:cubicBezTo>
                  <a:pt x="11795526" y="819330"/>
                  <a:pt x="11796303" y="819330"/>
                  <a:pt x="11796303" y="817409"/>
                </a:cubicBezTo>
                <a:cubicBezTo>
                  <a:pt x="11796303" y="726473"/>
                  <a:pt x="11796303" y="726473"/>
                  <a:pt x="11796303" y="726473"/>
                </a:cubicBezTo>
                <a:cubicBezTo>
                  <a:pt x="11796303" y="724552"/>
                  <a:pt x="11795407" y="724552"/>
                  <a:pt x="11793864" y="724552"/>
                </a:cubicBezTo>
                <a:cubicBezTo>
                  <a:pt x="11786797" y="724552"/>
                  <a:pt x="11786797" y="724552"/>
                  <a:pt x="11786797" y="724552"/>
                </a:cubicBezTo>
                <a:close/>
                <a:moveTo>
                  <a:pt x="11712617" y="723776"/>
                </a:moveTo>
                <a:cubicBezTo>
                  <a:pt x="11708291" y="723776"/>
                  <a:pt x="11705237" y="726851"/>
                  <a:pt x="11705237" y="730940"/>
                </a:cubicBezTo>
                <a:cubicBezTo>
                  <a:pt x="11705237" y="734781"/>
                  <a:pt x="11707913" y="737975"/>
                  <a:pt x="11712358" y="737975"/>
                </a:cubicBezTo>
                <a:cubicBezTo>
                  <a:pt x="11716933" y="737845"/>
                  <a:pt x="11719739" y="734263"/>
                  <a:pt x="11719609" y="730433"/>
                </a:cubicBezTo>
                <a:cubicBezTo>
                  <a:pt x="11719350" y="726462"/>
                  <a:pt x="11716178" y="723776"/>
                  <a:pt x="11712617" y="723776"/>
                </a:cubicBezTo>
                <a:close/>
                <a:moveTo>
                  <a:pt x="11855021" y="713601"/>
                </a:moveTo>
                <a:lnTo>
                  <a:pt x="11855284" y="713794"/>
                </a:lnTo>
                <a:lnTo>
                  <a:pt x="11855021" y="713860"/>
                </a:lnTo>
                <a:cubicBezTo>
                  <a:pt x="11855021" y="713860"/>
                  <a:pt x="11855021" y="713860"/>
                  <a:pt x="11855021" y="713601"/>
                </a:cubicBezTo>
                <a:close/>
                <a:moveTo>
                  <a:pt x="11847209" y="704235"/>
                </a:moveTo>
                <a:cubicBezTo>
                  <a:pt x="11851428" y="704235"/>
                  <a:pt x="11851428" y="704235"/>
                  <a:pt x="11851428" y="704235"/>
                </a:cubicBezTo>
                <a:cubicBezTo>
                  <a:pt x="11853608" y="704235"/>
                  <a:pt x="11857190" y="704235"/>
                  <a:pt x="11857190" y="707699"/>
                </a:cubicBezTo>
                <a:cubicBezTo>
                  <a:pt x="11857190" y="711162"/>
                  <a:pt x="11853478" y="711162"/>
                  <a:pt x="11851817" y="711162"/>
                </a:cubicBezTo>
                <a:cubicBezTo>
                  <a:pt x="11847209" y="711162"/>
                  <a:pt x="11847209" y="711162"/>
                  <a:pt x="11847209" y="711162"/>
                </a:cubicBezTo>
                <a:close/>
                <a:moveTo>
                  <a:pt x="11843627" y="701020"/>
                </a:moveTo>
                <a:lnTo>
                  <a:pt x="11843627" y="724250"/>
                </a:lnTo>
                <a:cubicBezTo>
                  <a:pt x="11847468" y="724250"/>
                  <a:pt x="11847468" y="724250"/>
                  <a:pt x="11847468" y="724250"/>
                </a:cubicBezTo>
                <a:cubicBezTo>
                  <a:pt x="11847468" y="714367"/>
                  <a:pt x="11847468" y="714367"/>
                  <a:pt x="11847468" y="714367"/>
                </a:cubicBezTo>
                <a:cubicBezTo>
                  <a:pt x="11849648" y="714367"/>
                  <a:pt x="11849648" y="714367"/>
                  <a:pt x="11849648" y="714367"/>
                </a:cubicBezTo>
                <a:cubicBezTo>
                  <a:pt x="11852723" y="714367"/>
                  <a:pt x="11853867" y="715521"/>
                  <a:pt x="11856553" y="720528"/>
                </a:cubicBezTo>
                <a:cubicBezTo>
                  <a:pt x="11858603" y="724121"/>
                  <a:pt x="11858603" y="724121"/>
                  <a:pt x="11858603" y="724121"/>
                </a:cubicBezTo>
                <a:cubicBezTo>
                  <a:pt x="11863081" y="724121"/>
                  <a:pt x="11863081" y="724121"/>
                  <a:pt x="11863081" y="724121"/>
                </a:cubicBezTo>
                <a:cubicBezTo>
                  <a:pt x="11860265" y="719503"/>
                  <a:pt x="11860265" y="719503"/>
                  <a:pt x="11860265" y="719503"/>
                </a:cubicBezTo>
                <a:cubicBezTo>
                  <a:pt x="11858857" y="717258"/>
                  <a:pt x="11857864" y="715942"/>
                  <a:pt x="11857064" y="715107"/>
                </a:cubicBezTo>
                <a:lnTo>
                  <a:pt x="11855284" y="713794"/>
                </a:lnTo>
                <a:lnTo>
                  <a:pt x="11858039" y="713107"/>
                </a:lnTo>
                <a:cubicBezTo>
                  <a:pt x="11860542" y="711860"/>
                  <a:pt x="11861549" y="709333"/>
                  <a:pt x="11861549" y="707310"/>
                </a:cubicBezTo>
                <a:cubicBezTo>
                  <a:pt x="11861549" y="705390"/>
                  <a:pt x="11860653" y="703717"/>
                  <a:pt x="11859370" y="702822"/>
                </a:cubicBezTo>
                <a:cubicBezTo>
                  <a:pt x="11857449" y="701020"/>
                  <a:pt x="11854385" y="701020"/>
                  <a:pt x="11851817" y="701020"/>
                </a:cubicBezTo>
                <a:cubicBezTo>
                  <a:pt x="11843627" y="701020"/>
                  <a:pt x="11843627" y="701020"/>
                  <a:pt x="11843627" y="701020"/>
                </a:cubicBezTo>
                <a:close/>
                <a:moveTo>
                  <a:pt x="11852712" y="694611"/>
                </a:moveTo>
                <a:cubicBezTo>
                  <a:pt x="11862563" y="694611"/>
                  <a:pt x="11870623" y="702563"/>
                  <a:pt x="11870623" y="712446"/>
                </a:cubicBezTo>
                <a:cubicBezTo>
                  <a:pt x="11870623" y="722330"/>
                  <a:pt x="11862693" y="730541"/>
                  <a:pt x="11852712" y="730541"/>
                </a:cubicBezTo>
                <a:cubicBezTo>
                  <a:pt x="11842861" y="730541"/>
                  <a:pt x="11834931" y="722330"/>
                  <a:pt x="11834931" y="712446"/>
                </a:cubicBezTo>
                <a:cubicBezTo>
                  <a:pt x="11834801" y="702563"/>
                  <a:pt x="11842732" y="694611"/>
                  <a:pt x="11852712" y="694611"/>
                </a:cubicBezTo>
                <a:close/>
                <a:moveTo>
                  <a:pt x="11852712" y="690888"/>
                </a:moveTo>
                <a:cubicBezTo>
                  <a:pt x="11840940" y="690888"/>
                  <a:pt x="11831348" y="700513"/>
                  <a:pt x="11831348" y="712446"/>
                </a:cubicBezTo>
                <a:cubicBezTo>
                  <a:pt x="11831348" y="724509"/>
                  <a:pt x="11840940" y="734004"/>
                  <a:pt x="11852712" y="734004"/>
                </a:cubicBezTo>
                <a:cubicBezTo>
                  <a:pt x="11864613" y="734004"/>
                  <a:pt x="11874076" y="724250"/>
                  <a:pt x="11874076" y="712446"/>
                </a:cubicBezTo>
                <a:cubicBezTo>
                  <a:pt x="11874076" y="700642"/>
                  <a:pt x="11864484" y="690888"/>
                  <a:pt x="11852712" y="690888"/>
                </a:cubicBezTo>
                <a:close/>
                <a:moveTo>
                  <a:pt x="11639380" y="551044"/>
                </a:moveTo>
                <a:cubicBezTo>
                  <a:pt x="11639972" y="550996"/>
                  <a:pt x="11640676" y="551285"/>
                  <a:pt x="11641189" y="551862"/>
                </a:cubicBezTo>
                <a:cubicBezTo>
                  <a:pt x="11649011" y="560062"/>
                  <a:pt x="11646325" y="621974"/>
                  <a:pt x="11644652" y="634274"/>
                </a:cubicBezTo>
                <a:cubicBezTo>
                  <a:pt x="11644264" y="637349"/>
                  <a:pt x="11641448" y="639788"/>
                  <a:pt x="11640682" y="633508"/>
                </a:cubicBezTo>
                <a:cubicBezTo>
                  <a:pt x="11639786" y="625567"/>
                  <a:pt x="11635557" y="607235"/>
                  <a:pt x="11634273" y="599671"/>
                </a:cubicBezTo>
                <a:cubicBezTo>
                  <a:pt x="11632859" y="592496"/>
                  <a:pt x="11636841" y="570582"/>
                  <a:pt x="11638243" y="552250"/>
                </a:cubicBezTo>
                <a:cubicBezTo>
                  <a:pt x="11638308" y="551479"/>
                  <a:pt x="11638788" y="551093"/>
                  <a:pt x="11639380" y="551044"/>
                </a:cubicBezTo>
                <a:close/>
                <a:moveTo>
                  <a:pt x="11490639" y="502002"/>
                </a:moveTo>
                <a:cubicBezTo>
                  <a:pt x="11510395" y="504700"/>
                  <a:pt x="11530399" y="505207"/>
                  <a:pt x="11550015" y="504052"/>
                </a:cubicBezTo>
                <a:cubicBezTo>
                  <a:pt x="11553220" y="516223"/>
                  <a:pt x="11552831" y="532116"/>
                  <a:pt x="11548343" y="536605"/>
                </a:cubicBezTo>
                <a:cubicBezTo>
                  <a:pt x="11541157" y="543910"/>
                  <a:pt x="11508722" y="542496"/>
                  <a:pt x="11499486" y="541094"/>
                </a:cubicBezTo>
                <a:cubicBezTo>
                  <a:pt x="11496918" y="540705"/>
                  <a:pt x="11494361" y="540327"/>
                  <a:pt x="11492948" y="533659"/>
                </a:cubicBezTo>
                <a:cubicBezTo>
                  <a:pt x="11491405" y="525837"/>
                  <a:pt x="11491275" y="511486"/>
                  <a:pt x="11490639" y="502002"/>
                </a:cubicBezTo>
                <a:close/>
                <a:moveTo>
                  <a:pt x="11594253" y="498797"/>
                </a:moveTo>
                <a:cubicBezTo>
                  <a:pt x="11599767" y="509048"/>
                  <a:pt x="11600155" y="514950"/>
                  <a:pt x="11598612" y="520075"/>
                </a:cubicBezTo>
                <a:cubicBezTo>
                  <a:pt x="11597069" y="525200"/>
                  <a:pt x="11589894" y="528146"/>
                  <a:pt x="11588351" y="527509"/>
                </a:cubicBezTo>
                <a:cubicBezTo>
                  <a:pt x="11588092" y="516482"/>
                  <a:pt x="11585147" y="508152"/>
                  <a:pt x="11580011" y="500718"/>
                </a:cubicBezTo>
                <a:cubicBezTo>
                  <a:pt x="11584510" y="499952"/>
                  <a:pt x="11589257" y="499315"/>
                  <a:pt x="11594253" y="498797"/>
                </a:cubicBezTo>
                <a:close/>
                <a:moveTo>
                  <a:pt x="11441405" y="491374"/>
                </a:moveTo>
                <a:cubicBezTo>
                  <a:pt x="11447684" y="493295"/>
                  <a:pt x="11454104" y="494967"/>
                  <a:pt x="11460384" y="496499"/>
                </a:cubicBezTo>
                <a:cubicBezTo>
                  <a:pt x="11456025" y="524056"/>
                  <a:pt x="11447436" y="531868"/>
                  <a:pt x="11442948" y="533670"/>
                </a:cubicBezTo>
                <a:cubicBezTo>
                  <a:pt x="11439473" y="535073"/>
                  <a:pt x="11431910" y="535839"/>
                  <a:pt x="11434607" y="527132"/>
                </a:cubicBezTo>
                <a:cubicBezTo>
                  <a:pt x="11437305" y="518413"/>
                  <a:pt x="11439862" y="503545"/>
                  <a:pt x="11441405" y="491374"/>
                </a:cubicBezTo>
                <a:close/>
                <a:moveTo>
                  <a:pt x="11419441" y="484343"/>
                </a:moveTo>
                <a:cubicBezTo>
                  <a:pt x="11421606" y="484488"/>
                  <a:pt x="11425004" y="485801"/>
                  <a:pt x="11431543" y="488299"/>
                </a:cubicBezTo>
                <a:cubicBezTo>
                  <a:pt x="11430647" y="509447"/>
                  <a:pt x="11425263" y="521499"/>
                  <a:pt x="11423202" y="532257"/>
                </a:cubicBezTo>
                <a:cubicBezTo>
                  <a:pt x="11420893" y="543284"/>
                  <a:pt x="11433204" y="545841"/>
                  <a:pt x="11444102" y="543154"/>
                </a:cubicBezTo>
                <a:cubicBezTo>
                  <a:pt x="11454870" y="540468"/>
                  <a:pt x="11465132" y="529182"/>
                  <a:pt x="11469620" y="498549"/>
                </a:cubicBezTo>
                <a:cubicBezTo>
                  <a:pt x="11473850" y="499574"/>
                  <a:pt x="11477313" y="500092"/>
                  <a:pt x="11481672" y="500729"/>
                </a:cubicBezTo>
                <a:cubicBezTo>
                  <a:pt x="11482190" y="532516"/>
                  <a:pt x="11484111" y="539691"/>
                  <a:pt x="11485395" y="542507"/>
                </a:cubicBezTo>
                <a:cubicBezTo>
                  <a:pt x="11487833" y="548398"/>
                  <a:pt x="11493735" y="550329"/>
                  <a:pt x="11498472" y="550707"/>
                </a:cubicBezTo>
                <a:cubicBezTo>
                  <a:pt x="11523353" y="552628"/>
                  <a:pt x="11547458" y="551862"/>
                  <a:pt x="11555917" y="543532"/>
                </a:cubicBezTo>
                <a:cubicBezTo>
                  <a:pt x="11564506" y="535073"/>
                  <a:pt x="11561560" y="514443"/>
                  <a:pt x="11559122" y="503286"/>
                </a:cubicBezTo>
                <a:cubicBezTo>
                  <a:pt x="11563092" y="502898"/>
                  <a:pt x="11566308" y="502520"/>
                  <a:pt x="11570149" y="502002"/>
                </a:cubicBezTo>
                <a:cubicBezTo>
                  <a:pt x="11578360" y="511486"/>
                  <a:pt x="11579385" y="521866"/>
                  <a:pt x="11579385" y="528405"/>
                </a:cubicBezTo>
                <a:cubicBezTo>
                  <a:pt x="11579385" y="535709"/>
                  <a:pt x="11587466" y="539551"/>
                  <a:pt x="11598752" y="531739"/>
                </a:cubicBezTo>
                <a:cubicBezTo>
                  <a:pt x="11609909" y="523916"/>
                  <a:pt x="11608884" y="510202"/>
                  <a:pt x="11602723" y="497773"/>
                </a:cubicBezTo>
                <a:cubicBezTo>
                  <a:pt x="11628371" y="495722"/>
                  <a:pt x="11627086" y="512511"/>
                  <a:pt x="11625673" y="533282"/>
                </a:cubicBezTo>
                <a:cubicBezTo>
                  <a:pt x="11624389" y="553793"/>
                  <a:pt x="11619771" y="582882"/>
                  <a:pt x="11612855" y="586216"/>
                </a:cubicBezTo>
                <a:cubicBezTo>
                  <a:pt x="11605798" y="589162"/>
                  <a:pt x="11594771" y="570323"/>
                  <a:pt x="11537326" y="569428"/>
                </a:cubicBezTo>
                <a:cubicBezTo>
                  <a:pt x="11496551" y="568661"/>
                  <a:pt x="11465261" y="574175"/>
                  <a:pt x="11459488" y="611465"/>
                </a:cubicBezTo>
                <a:cubicBezTo>
                  <a:pt x="11459100" y="614151"/>
                  <a:pt x="11457568" y="613774"/>
                  <a:pt x="11456154" y="612360"/>
                </a:cubicBezTo>
                <a:cubicBezTo>
                  <a:pt x="11444998" y="600189"/>
                  <a:pt x="11434737" y="594676"/>
                  <a:pt x="11418325" y="585191"/>
                </a:cubicBezTo>
                <a:cubicBezTo>
                  <a:pt x="11401785" y="575448"/>
                  <a:pt x="11390757" y="562382"/>
                  <a:pt x="11388707" y="549434"/>
                </a:cubicBezTo>
                <a:cubicBezTo>
                  <a:pt x="11386657" y="536486"/>
                  <a:pt x="11391405" y="519190"/>
                  <a:pt x="11414743" y="487403"/>
                </a:cubicBezTo>
                <a:cubicBezTo>
                  <a:pt x="11416346" y="485224"/>
                  <a:pt x="11417276" y="484199"/>
                  <a:pt x="11419441" y="484343"/>
                </a:cubicBezTo>
                <a:close/>
                <a:moveTo>
                  <a:pt x="11358173" y="469801"/>
                </a:moveTo>
                <a:cubicBezTo>
                  <a:pt x="11352402" y="469752"/>
                  <a:pt x="11342133" y="472433"/>
                  <a:pt x="11346260" y="478275"/>
                </a:cubicBezTo>
                <a:cubicBezTo>
                  <a:pt x="11351763" y="486314"/>
                  <a:pt x="11362639" y="473042"/>
                  <a:pt x="11361744" y="470744"/>
                </a:cubicBezTo>
                <a:cubicBezTo>
                  <a:pt x="11361520" y="470137"/>
                  <a:pt x="11360096" y="469817"/>
                  <a:pt x="11358173" y="469801"/>
                </a:cubicBezTo>
                <a:close/>
                <a:moveTo>
                  <a:pt x="11354455" y="453696"/>
                </a:moveTo>
                <a:cubicBezTo>
                  <a:pt x="11359222" y="452705"/>
                  <a:pt x="11365520" y="456094"/>
                  <a:pt x="11379471" y="464453"/>
                </a:cubicBezTo>
                <a:cubicBezTo>
                  <a:pt x="11402044" y="478167"/>
                  <a:pt x="11408971" y="475351"/>
                  <a:pt x="11401267" y="487522"/>
                </a:cubicBezTo>
                <a:cubicBezTo>
                  <a:pt x="11396519" y="495345"/>
                  <a:pt x="11380486" y="516104"/>
                  <a:pt x="11376515" y="541611"/>
                </a:cubicBezTo>
                <a:cubicBezTo>
                  <a:pt x="11371131" y="534436"/>
                  <a:pt x="11363815" y="516622"/>
                  <a:pt x="11357665" y="511745"/>
                </a:cubicBezTo>
                <a:cubicBezTo>
                  <a:pt x="11345613" y="502261"/>
                  <a:pt x="11335222" y="509566"/>
                  <a:pt x="11330734" y="504052"/>
                </a:cubicBezTo>
                <a:cubicBezTo>
                  <a:pt x="11325727" y="498031"/>
                  <a:pt x="11323677" y="497643"/>
                  <a:pt x="11328166" y="491881"/>
                </a:cubicBezTo>
                <a:cubicBezTo>
                  <a:pt x="11328166" y="491881"/>
                  <a:pt x="11333550" y="484835"/>
                  <a:pt x="11335600" y="481879"/>
                </a:cubicBezTo>
                <a:cubicBezTo>
                  <a:pt x="11337909" y="478804"/>
                  <a:pt x="11337272" y="473031"/>
                  <a:pt x="11338297" y="470604"/>
                </a:cubicBezTo>
                <a:cubicBezTo>
                  <a:pt x="11339193" y="468165"/>
                  <a:pt x="11344707" y="460861"/>
                  <a:pt x="11349972" y="456124"/>
                </a:cubicBezTo>
                <a:cubicBezTo>
                  <a:pt x="11351448" y="454843"/>
                  <a:pt x="11352866" y="454026"/>
                  <a:pt x="11354455" y="453696"/>
                </a:cubicBezTo>
                <a:close/>
                <a:moveTo>
                  <a:pt x="11324025" y="392924"/>
                </a:moveTo>
                <a:cubicBezTo>
                  <a:pt x="11322935" y="393149"/>
                  <a:pt x="11322134" y="395329"/>
                  <a:pt x="11322134" y="400006"/>
                </a:cubicBezTo>
                <a:cubicBezTo>
                  <a:pt x="11322134" y="423463"/>
                  <a:pt x="11332395" y="437555"/>
                  <a:pt x="11335988" y="441536"/>
                </a:cubicBezTo>
                <a:cubicBezTo>
                  <a:pt x="11339452" y="445507"/>
                  <a:pt x="11341114" y="449477"/>
                  <a:pt x="11339193" y="451786"/>
                </a:cubicBezTo>
                <a:cubicBezTo>
                  <a:pt x="11334068" y="457807"/>
                  <a:pt x="11328554" y="464475"/>
                  <a:pt x="11328425" y="467162"/>
                </a:cubicBezTo>
                <a:cubicBezTo>
                  <a:pt x="11328166" y="470107"/>
                  <a:pt x="11328425" y="471521"/>
                  <a:pt x="11327270" y="474855"/>
                </a:cubicBezTo>
                <a:cubicBezTo>
                  <a:pt x="11326116" y="478059"/>
                  <a:pt x="11322016" y="482796"/>
                  <a:pt x="11315477" y="490748"/>
                </a:cubicBezTo>
                <a:cubicBezTo>
                  <a:pt x="11311884" y="495366"/>
                  <a:pt x="11314193" y="500362"/>
                  <a:pt x="11317268" y="503696"/>
                </a:cubicBezTo>
                <a:cubicBezTo>
                  <a:pt x="11320861" y="507796"/>
                  <a:pt x="11323300" y="512544"/>
                  <a:pt x="11327788" y="514594"/>
                </a:cubicBezTo>
                <a:cubicBezTo>
                  <a:pt x="11332406" y="516644"/>
                  <a:pt x="11336506" y="515230"/>
                  <a:pt x="11341890" y="516137"/>
                </a:cubicBezTo>
                <a:cubicBezTo>
                  <a:pt x="11347016" y="517032"/>
                  <a:pt x="11353436" y="520107"/>
                  <a:pt x="11358561" y="529214"/>
                </a:cubicBezTo>
                <a:cubicBezTo>
                  <a:pt x="11365995" y="542539"/>
                  <a:pt x="11373947" y="563310"/>
                  <a:pt x="11388308" y="580476"/>
                </a:cubicBezTo>
                <a:cubicBezTo>
                  <a:pt x="11394717" y="588040"/>
                  <a:pt x="11394717" y="602013"/>
                  <a:pt x="11394717" y="606490"/>
                </a:cubicBezTo>
                <a:cubicBezTo>
                  <a:pt x="11395106" y="646736"/>
                  <a:pt x="11374076" y="684803"/>
                  <a:pt x="11360611" y="709026"/>
                </a:cubicBezTo>
                <a:cubicBezTo>
                  <a:pt x="11357406" y="714669"/>
                  <a:pt x="11358172" y="719406"/>
                  <a:pt x="11362402" y="719406"/>
                </a:cubicBezTo>
                <a:cubicBezTo>
                  <a:pt x="11367279" y="719406"/>
                  <a:pt x="11385481" y="719406"/>
                  <a:pt x="11388567" y="719406"/>
                </a:cubicBezTo>
                <a:cubicBezTo>
                  <a:pt x="11391901" y="719406"/>
                  <a:pt x="11393951" y="715813"/>
                  <a:pt x="11394210" y="711972"/>
                </a:cubicBezTo>
                <a:cubicBezTo>
                  <a:pt x="11396519" y="679030"/>
                  <a:pt x="11415110" y="618661"/>
                  <a:pt x="11429094" y="608411"/>
                </a:cubicBezTo>
                <a:cubicBezTo>
                  <a:pt x="11452561" y="623150"/>
                  <a:pt x="11475900" y="654678"/>
                  <a:pt x="11464484" y="709921"/>
                </a:cubicBezTo>
                <a:cubicBezTo>
                  <a:pt x="11463966" y="712996"/>
                  <a:pt x="11461150" y="719665"/>
                  <a:pt x="11468207" y="719665"/>
                </a:cubicBezTo>
                <a:cubicBezTo>
                  <a:pt x="11468207" y="719665"/>
                  <a:pt x="11488082" y="719665"/>
                  <a:pt x="11490650" y="719665"/>
                </a:cubicBezTo>
                <a:cubicBezTo>
                  <a:pt x="11493595" y="719665"/>
                  <a:pt x="11498343" y="718510"/>
                  <a:pt x="11497954" y="713126"/>
                </a:cubicBezTo>
                <a:cubicBezTo>
                  <a:pt x="11496800" y="691590"/>
                  <a:pt x="11478716" y="646100"/>
                  <a:pt x="11473979" y="619309"/>
                </a:cubicBezTo>
                <a:cubicBezTo>
                  <a:pt x="11471034" y="602390"/>
                  <a:pt x="11484499" y="572146"/>
                  <a:pt x="11535276" y="595345"/>
                </a:cubicBezTo>
                <a:cubicBezTo>
                  <a:pt x="11554773" y="577790"/>
                  <a:pt x="11580421" y="588428"/>
                  <a:pt x="11569383" y="622136"/>
                </a:cubicBezTo>
                <a:cubicBezTo>
                  <a:pt x="11558614" y="655713"/>
                  <a:pt x="11549249" y="670452"/>
                  <a:pt x="11512315" y="709932"/>
                </a:cubicBezTo>
                <a:cubicBezTo>
                  <a:pt x="11508215" y="714550"/>
                  <a:pt x="11507827" y="719417"/>
                  <a:pt x="11514624" y="719417"/>
                </a:cubicBezTo>
                <a:cubicBezTo>
                  <a:pt x="11517958" y="719417"/>
                  <a:pt x="11534888" y="719417"/>
                  <a:pt x="11538351" y="719417"/>
                </a:cubicBezTo>
                <a:cubicBezTo>
                  <a:pt x="11543476" y="719417"/>
                  <a:pt x="11545537" y="717874"/>
                  <a:pt x="11547069" y="713903"/>
                </a:cubicBezTo>
                <a:cubicBezTo>
                  <a:pt x="11548483" y="709673"/>
                  <a:pt x="11565412" y="656102"/>
                  <a:pt x="11598623" y="630983"/>
                </a:cubicBezTo>
                <a:cubicBezTo>
                  <a:pt x="11601191" y="629063"/>
                  <a:pt x="11603371" y="620474"/>
                  <a:pt x="11608496" y="600869"/>
                </a:cubicBezTo>
                <a:cubicBezTo>
                  <a:pt x="11624529" y="622017"/>
                  <a:pt x="11626709" y="660461"/>
                  <a:pt x="11599130" y="710062"/>
                </a:cubicBezTo>
                <a:cubicBezTo>
                  <a:pt x="11596314" y="715316"/>
                  <a:pt x="11597976" y="719287"/>
                  <a:pt x="11601439" y="719287"/>
                </a:cubicBezTo>
                <a:cubicBezTo>
                  <a:pt x="11603360" y="719287"/>
                  <a:pt x="11618368" y="719287"/>
                  <a:pt x="11622857" y="719287"/>
                </a:cubicBezTo>
                <a:cubicBezTo>
                  <a:pt x="11626828" y="719287"/>
                  <a:pt x="11627982" y="717107"/>
                  <a:pt x="11629525" y="711087"/>
                </a:cubicBezTo>
                <a:cubicBezTo>
                  <a:pt x="11631446" y="703653"/>
                  <a:pt x="11632093" y="700060"/>
                  <a:pt x="11634650" y="693014"/>
                </a:cubicBezTo>
                <a:cubicBezTo>
                  <a:pt x="11636193" y="688655"/>
                  <a:pt x="11636830" y="687889"/>
                  <a:pt x="11654018" y="688018"/>
                </a:cubicBezTo>
                <a:cubicBezTo>
                  <a:pt x="11659402" y="688018"/>
                  <a:pt x="11659024" y="685202"/>
                  <a:pt x="11659024" y="680584"/>
                </a:cubicBezTo>
                <a:cubicBezTo>
                  <a:pt x="11659272" y="614151"/>
                  <a:pt x="11659661" y="544687"/>
                  <a:pt x="11654654" y="520852"/>
                </a:cubicBezTo>
                <a:cubicBezTo>
                  <a:pt x="11647727" y="487403"/>
                  <a:pt x="11618617" y="486378"/>
                  <a:pt x="11603360" y="487533"/>
                </a:cubicBezTo>
                <a:cubicBezTo>
                  <a:pt x="11587456" y="488688"/>
                  <a:pt x="11557449" y="493424"/>
                  <a:pt x="11526547" y="493424"/>
                </a:cubicBezTo>
                <a:cubicBezTo>
                  <a:pt x="11484866" y="493424"/>
                  <a:pt x="11437930" y="481631"/>
                  <a:pt x="11402033" y="464842"/>
                </a:cubicBezTo>
                <a:cubicBezTo>
                  <a:pt x="11395753" y="462026"/>
                  <a:pt x="11398958" y="460742"/>
                  <a:pt x="11401644" y="459199"/>
                </a:cubicBezTo>
                <a:cubicBezTo>
                  <a:pt x="11415110" y="451765"/>
                  <a:pt x="11426774" y="445097"/>
                  <a:pt x="11433960" y="433314"/>
                </a:cubicBezTo>
                <a:cubicBezTo>
                  <a:pt x="11439473" y="424348"/>
                  <a:pt x="11437423" y="421521"/>
                  <a:pt x="11431392" y="426398"/>
                </a:cubicBezTo>
                <a:cubicBezTo>
                  <a:pt x="11415110" y="439982"/>
                  <a:pt x="11391890" y="447546"/>
                  <a:pt x="11365995" y="438191"/>
                </a:cubicBezTo>
                <a:cubicBezTo>
                  <a:pt x="11339959" y="428966"/>
                  <a:pt x="11329957" y="403847"/>
                  <a:pt x="11327648" y="397567"/>
                </a:cubicBezTo>
                <a:cubicBezTo>
                  <a:pt x="11326493" y="394428"/>
                  <a:pt x="11325115" y="392699"/>
                  <a:pt x="11324025" y="392924"/>
                </a:cubicBezTo>
                <a:close/>
                <a:moveTo>
                  <a:pt x="11391491" y="334037"/>
                </a:moveTo>
                <a:cubicBezTo>
                  <a:pt x="11410848" y="334037"/>
                  <a:pt x="11426364" y="349790"/>
                  <a:pt x="11426364" y="368996"/>
                </a:cubicBezTo>
                <a:cubicBezTo>
                  <a:pt x="11426364" y="388331"/>
                  <a:pt x="11410848" y="403955"/>
                  <a:pt x="11391491" y="403955"/>
                </a:cubicBezTo>
                <a:cubicBezTo>
                  <a:pt x="11372134" y="403955"/>
                  <a:pt x="11356360" y="388331"/>
                  <a:pt x="11356360" y="368996"/>
                </a:cubicBezTo>
                <a:cubicBezTo>
                  <a:pt x="11356360" y="349542"/>
                  <a:pt x="11372134" y="334037"/>
                  <a:pt x="11391491" y="334037"/>
                </a:cubicBezTo>
                <a:close/>
                <a:moveTo>
                  <a:pt x="11389959" y="321618"/>
                </a:moveTo>
                <a:cubicBezTo>
                  <a:pt x="11360729" y="321618"/>
                  <a:pt x="11337262" y="345442"/>
                  <a:pt x="11337262" y="374510"/>
                </a:cubicBezTo>
                <a:cubicBezTo>
                  <a:pt x="11337262" y="403836"/>
                  <a:pt x="11360978" y="427401"/>
                  <a:pt x="11389959" y="427401"/>
                </a:cubicBezTo>
                <a:cubicBezTo>
                  <a:pt x="11419189" y="427401"/>
                  <a:pt x="11442656" y="403577"/>
                  <a:pt x="11442656" y="374510"/>
                </a:cubicBezTo>
                <a:cubicBezTo>
                  <a:pt x="11442656" y="345183"/>
                  <a:pt x="11419189" y="321618"/>
                  <a:pt x="11389959" y="321618"/>
                </a:cubicBezTo>
                <a:close/>
                <a:moveTo>
                  <a:pt x="0" y="0"/>
                </a:moveTo>
                <a:lnTo>
                  <a:pt x="12191999" y="0"/>
                </a:lnTo>
                <a:lnTo>
                  <a:pt x="12191999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D4D7DC"/>
          </a:solidFill>
        </p:spPr>
        <p:txBody>
          <a:bodyPr wrap="square" tIns="7200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here and insert picture via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auto">
          <a:xfrm>
            <a:off x="648000" y="648000"/>
            <a:ext cx="8652000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5D48FB-C4AE-4499-AA0B-C1A976EDD53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60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1883084E-2481-4E6B-8DE9-0CFD902BC8B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189875-0661-4E2F-8DC6-9F8850F63BE8}"/>
              </a:ext>
            </a:extLst>
          </p:cNvPr>
          <p:cNvSpPr txBox="1"/>
          <p:nvPr userDrawn="1"/>
        </p:nvSpPr>
        <p:spPr>
          <a:xfrm>
            <a:off x="23812" y="-33912"/>
            <a:ext cx="36000" cy="171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120000"/>
              </a:lnSpc>
            </a:pPr>
            <a:r>
              <a:rPr lang="en-US" sz="100" dirty="0">
                <a:solidFill>
                  <a:srgbClr val="666666"/>
                </a:solidFill>
                <a:latin typeface="Apis For Office Light" panose="020B0404010101010104" pitchFamily="34" charset="0"/>
                <a:ea typeface="Apis For Office Light" panose="020B0404010101010104" pitchFamily="34" charset="0"/>
                <a:cs typeface="Apis For Office Light" panose="020B0404010101010104" pitchFamily="34" charset="0"/>
              </a:rPr>
              <a:t>Light</a:t>
            </a:r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A65E5DCA-65B0-489C-8954-F5C4AA22ACA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ynamic logo white" descr="{&quot;templafy&quot;:{&quot;id&quot;:&quot;dfaf3a11-8330-4f32-8e98-b0fe97385246&quot;}}" title="Form.PLogoChoice.PLogoInsertionWhite">
            <a:extLst>
              <a:ext uri="{FF2B5EF4-FFF2-40B4-BE49-F238E27FC236}">
                <a16:creationId xmlns:a16="http://schemas.microsoft.com/office/drawing/2014/main" id="{C5FCC1DF-363B-E72E-C9AA-B53C438C43DC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Divider">
    <p:bg bwMode="ltGray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AE495F4B-43C9-4BD0-8BB8-4942406D920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78766DD-9A06-4EF8-BC56-88FAB730402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gray">
          <a:xfrm>
            <a:off x="397164" y="647700"/>
            <a:ext cx="8902835" cy="5562300"/>
          </a:xfrm>
        </p:spPr>
        <p:txBody>
          <a:bodyPr anchor="ctr">
            <a:noAutofit/>
          </a:bodyPr>
          <a:lstStyle>
            <a:lvl1pPr marL="0" indent="0">
              <a:buNone/>
              <a:defRPr sz="41300">
                <a:solidFill>
                  <a:srgbClr val="EBE8E5"/>
                </a:solidFill>
              </a:defRPr>
            </a:lvl1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623601" y="648000"/>
            <a:ext cx="7675974" cy="5562000"/>
          </a:xfrm>
        </p:spPr>
        <p:txBody>
          <a:bodyPr anchor="ctr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Freeform: Shape 23">
            <a:extLst>
              <a:ext uri="{FF2B5EF4-FFF2-40B4-BE49-F238E27FC236}">
                <a16:creationId xmlns:a16="http://schemas.microsoft.com/office/drawing/2014/main" id="{CFC03F98-43D5-4866-9EED-B1724A421DE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" name="dynamic year 100" descr="{&quot;templafy&quot;:{&quot;id&quot;:&quot;030395cc-edef-42bb-b9ec-5fcec00ac4d3&quot;}}" title="Form.PLogoChoice.PLogoInsertion">
            <a:extLst>
              <a:ext uri="{FF2B5EF4-FFF2-40B4-BE49-F238E27FC236}">
                <a16:creationId xmlns:a16="http://schemas.microsoft.com/office/drawing/2014/main" id="{F5E8B261-EC29-2FF5-230F-CD67CBFA525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dynamic logo" descr="{&quot;templafy&quot;:{&quot;id&quot;:&quot;707d5590-19ce-44e5-bc71-1be377f50a45&quot;}}" title="Form.PLogoChoice.PLogoInsertion">
            <a:extLst>
              <a:ext uri="{FF2B5EF4-FFF2-40B4-BE49-F238E27FC236}">
                <a16:creationId xmlns:a16="http://schemas.microsoft.com/office/drawing/2014/main" id="{0AE4A24C-70EB-BC8C-D2BF-CE49F3D32F08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387873378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92000" y="647700"/>
            <a:ext cx="8976150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79FC834-4845-430D-833F-E27D62F7E107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B39247E-D185-41FD-BF62-F6D03E65C52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70F0230-6038-4355-80ED-FB8CD83128C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4892057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24000" y="3429000"/>
            <a:ext cx="11543999" cy="3104999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0DD836B-4E8F-40F5-B8F7-589382C6DFF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03AE82F-9C53-4FB7-8399-260EEAC48983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BBC4390-ECEC-4EC2-BC84-6A63CD446A04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317204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Trump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A7DD42-50DC-4727-B3D6-62052EA9E55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999" y="1327234"/>
            <a:ext cx="10896001" cy="324000"/>
          </a:xfrm>
        </p:spPr>
        <p:txBody>
          <a:bodyPr/>
          <a:lstStyle>
            <a:lvl1pPr marL="0" indent="0">
              <a:buNone/>
              <a:defRPr sz="1400" b="1" cap="all" baseline="0"/>
            </a:lvl1pPr>
          </a:lstStyle>
          <a:p>
            <a:pPr lvl="0"/>
            <a:r>
              <a:rPr lang="en-US" dirty="0"/>
              <a:t>Click to add trumpet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1C300B8-ABB6-BCEA-C620-D3B5CFF7F2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6000" cy="6056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5245504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6868FC-B7DE-4736-A8C4-5762DBFD1FC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6408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380000" y="1944000"/>
            <a:ext cx="4164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06BE7D1E-8977-4FBA-BE12-1091DAF345C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79101651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3713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6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7380000" y="1944000"/>
            <a:ext cx="4164000" cy="426599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D24B339-4BEF-40F4-99BA-001E3E26118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5327126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4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5999" y="1944000"/>
            <a:ext cx="4164001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624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50C9B3A-1DC8-4D31-931B-2B9DFA8D23B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59989402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64083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1920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892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380000" y="647700"/>
            <a:ext cx="4488000" cy="5886299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136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127018570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6732001" cy="58863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38846121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Cov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3980C894-9D8D-4E84-92B9-6EA4ECCC00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822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3913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3" name="Freeform: Shape 12">
            <a:extLst>
              <a:ext uri="{FF2B5EF4-FFF2-40B4-BE49-F238E27FC236}">
                <a16:creationId xmlns:a16="http://schemas.microsoft.com/office/drawing/2014/main" id="{7FDF5EDE-8F7F-4DF3-B844-7C0C4E6AC641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6C80C8D-1C72-4DEF-843D-58E91667217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Footer Placeholder 7">
            <a:extLst>
              <a:ext uri="{FF2B5EF4-FFF2-40B4-BE49-F238E27FC236}">
                <a16:creationId xmlns:a16="http://schemas.microsoft.com/office/drawing/2014/main" id="{2BE0DF0F-9C1F-48B6-81C9-DE493CAF27F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8">
            <a:extLst>
              <a:ext uri="{FF2B5EF4-FFF2-40B4-BE49-F238E27FC236}">
                <a16:creationId xmlns:a16="http://schemas.microsoft.com/office/drawing/2014/main" id="{4EC3851D-A362-49B0-86B2-00F14E8191E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ynamic logo white" descr="{&quot;templafy&quot;:{&quot;id&quot;:&quot;90fd5118-93fd-4a18-96fb-0ac0f4384496&quot;}}" title="Form.PLogoChoice.PLogoInsertionWhite">
            <a:extLst>
              <a:ext uri="{FF2B5EF4-FFF2-40B4-BE49-F238E27FC236}">
                <a16:creationId xmlns:a16="http://schemas.microsoft.com/office/drawing/2014/main" id="{6710F327-85FB-CF0C-0969-475E9A09AE20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56386642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624000" y="648000"/>
            <a:ext cx="1920000" cy="5562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4164001" cy="58863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246641170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999" y="647700"/>
            <a:ext cx="5286220" cy="1651119"/>
          </a:xfrm>
        </p:spPr>
        <p:txBody>
          <a:bodyPr anchor="t"/>
          <a:lstStyle>
            <a:lvl1pPr>
              <a:lnSpc>
                <a:spcPct val="100000"/>
              </a:lnSpc>
              <a:defRPr sz="36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4A06B890-E694-4CC8-A7C4-0101B94C346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47700" y="2488123"/>
            <a:ext cx="5286375" cy="371363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F232361E-9641-4D5F-B5F2-E5299AA8C5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257782" y="647700"/>
            <a:ext cx="5610217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296DAD-0E66-436A-9C98-8412698CB71E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578600" y="968516"/>
            <a:ext cx="4965401" cy="52414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005083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A41594FF-878C-4539-A3DF-E2C07894A9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57914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A5150ED-B90C-4AB1-BCB0-E73E86A8D879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76E0E6C7-4501-41F5-82DA-93E27DDCEB4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7834695D-31D7-40E5-BF1E-A049DDB0738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C244FE-0B79-4E3B-B276-2F6B1D5612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0391392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3896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81315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5F91D68D-2FA9-4CAD-8EF0-C0BF3460A3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56264516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345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906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36D757B-F40B-4569-BAF1-AA3404B9E9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15960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 horis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6000" cy="129600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48000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257914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9EC381D6-39E2-4766-8084-72599657FA7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8612558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D4BEBA1-3B3D-4B4B-9C17-2B3431510A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C135AE9C-0192-4702-9483-2D7F6662584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959BE18-6820-417E-88D1-C143F84621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A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895E57C6-792B-4176-9081-325BCB6A734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11BEDE0-B328-47ED-BFE3-B922ED50E40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35EE4FB-E10C-46B3-A75F-6398295944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sz="100" dirty="0"/>
          </a:p>
        </p:txBody>
      </p:sp>
    </p:spTree>
    <p:extLst>
      <p:ext uri="{BB962C8B-B14F-4D97-AF65-F5344CB8AC3E}">
        <p14:creationId xmlns:p14="http://schemas.microsoft.com/office/powerpoint/2010/main" val="4826571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3" name="Date Placeholder 6">
            <a:extLst>
              <a:ext uri="{FF2B5EF4-FFF2-40B4-BE49-F238E27FC236}">
                <a16:creationId xmlns:a16="http://schemas.microsoft.com/office/drawing/2014/main" id="{5E2CB17F-7F37-4D9E-B75C-9007C8729CE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14" name="Footer Placeholder 7">
            <a:extLst>
              <a:ext uri="{FF2B5EF4-FFF2-40B4-BE49-F238E27FC236}">
                <a16:creationId xmlns:a16="http://schemas.microsoft.com/office/drawing/2014/main" id="{74FE5657-0D9D-4DB3-826E-FF66EEDC5E4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15" name="Slide Number Placeholder 8">
            <a:extLst>
              <a:ext uri="{FF2B5EF4-FFF2-40B4-BE49-F238E27FC236}">
                <a16:creationId xmlns:a16="http://schemas.microsoft.com/office/drawing/2014/main" id="{0B3E7C79-1410-4D8B-926D-CF3179FE02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sz="100" dirty="0"/>
          </a:p>
        </p:txBody>
      </p:sp>
    </p:spTree>
    <p:extLst>
      <p:ext uri="{BB962C8B-B14F-4D97-AF65-F5344CB8AC3E}">
        <p14:creationId xmlns:p14="http://schemas.microsoft.com/office/powerpoint/2010/main" val="33572362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500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7999" y="6055882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471420AF-1268-4AE1-84DA-164DB71C2C14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7C86D47D-AFD8-4DC6-BD55-10180E93A99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Footer Placeholder 7">
            <a:extLst>
              <a:ext uri="{FF2B5EF4-FFF2-40B4-BE49-F238E27FC236}">
                <a16:creationId xmlns:a16="http://schemas.microsoft.com/office/drawing/2014/main" id="{FADB92D4-4128-4A3B-A654-38C0F1360BE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8" name="Slide Number Placeholder 8">
            <a:extLst>
              <a:ext uri="{FF2B5EF4-FFF2-40B4-BE49-F238E27FC236}">
                <a16:creationId xmlns:a16="http://schemas.microsoft.com/office/drawing/2014/main" id="{8E1CB220-B3D7-46B6-BFDD-6B22270FC0F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dynamic logo" descr="{&quot;templafy&quot;:{&quot;id&quot;:&quot;6d5cd887-7f8d-4ace-b0c5-176aa105823f&quot;}}" title="Form.PLogoChoice.PLogoInsertion">
            <a:extLst>
              <a:ext uri="{FF2B5EF4-FFF2-40B4-BE49-F238E27FC236}">
                <a16:creationId xmlns:a16="http://schemas.microsoft.com/office/drawing/2014/main" id="{2CF51ADE-B2CC-B4D3-5513-A6A66C77DEB7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6b85331b-3c1e-4183-90f5-1b0c40617904&quot;}}" title="Form.PLogoChoice.PLogoInsertion">
            <a:extLst>
              <a:ext uri="{FF2B5EF4-FFF2-40B4-BE49-F238E27FC236}">
                <a16:creationId xmlns:a16="http://schemas.microsoft.com/office/drawing/2014/main" id="{1E4501D4-80DD-6712-25F4-A6D515CAB8F6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84592733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 TOC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649875" y="2120400"/>
            <a:ext cx="8651288" cy="538934"/>
            <a:chOff x="648000" y="2120400"/>
            <a:chExt cx="8651287" cy="538934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116140" y="2120400"/>
              <a:ext cx="4994426" cy="262800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20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648000" y="2120400"/>
              <a:ext cx="379556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200" b="1" dirty="0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8662293" y="2120400"/>
              <a:ext cx="636994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en-US" sz="1200" dirty="0">
                  <a:solidFill>
                    <a:schemeClr val="tx1"/>
                  </a:solidFill>
                </a:rPr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1116140" y="2396534"/>
              <a:ext cx="1257061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3421771" y="2396534"/>
              <a:ext cx="1388067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6204648" y="2396534"/>
              <a:ext cx="684723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649875" y="2886557"/>
            <a:ext cx="8651288" cy="538934"/>
            <a:chOff x="1797664" y="1308363"/>
            <a:chExt cx="8651288" cy="538934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65804" y="1308363"/>
              <a:ext cx="4994427" cy="262800"/>
            </a:xfrm>
            <a:prstGeom prst="rect">
              <a:avLst/>
            </a:prstGeom>
            <a:grp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4" y="1308363"/>
              <a:ext cx="379556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9811958" y="1308363"/>
              <a:ext cx="636994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2265804" y="1584497"/>
              <a:ext cx="1257061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4571435" y="1584497"/>
              <a:ext cx="1388067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7354312" y="1584497"/>
              <a:ext cx="684723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649875" y="3652714"/>
            <a:ext cx="8651288" cy="538934"/>
            <a:chOff x="1797663" y="2081912"/>
            <a:chExt cx="8651287" cy="538934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265803" y="2081912"/>
              <a:ext cx="4994426" cy="262800"/>
            </a:xfrm>
            <a:prstGeom prst="rect">
              <a:avLst/>
            </a:prstGeom>
            <a:no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1797663" y="2081912"/>
              <a:ext cx="379556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9811956" y="2081912"/>
              <a:ext cx="636994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2265803" y="2358046"/>
              <a:ext cx="1257061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4571434" y="2358046"/>
              <a:ext cx="1388067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7354310" y="2358046"/>
              <a:ext cx="684723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649575" y="4474801"/>
            <a:ext cx="8651588" cy="538934"/>
            <a:chOff x="1797664" y="1967494"/>
            <a:chExt cx="8651588" cy="538934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265804" y="1967494"/>
              <a:ext cx="4994427" cy="262800"/>
            </a:xfrm>
            <a:prstGeom prst="rect">
              <a:avLst/>
            </a:prstGeom>
            <a:grp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1797664" y="1967494"/>
              <a:ext cx="379556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9812258" y="1967494"/>
              <a:ext cx="636994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2265804" y="2243628"/>
              <a:ext cx="1257061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4571735" y="2243628"/>
              <a:ext cx="1388067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7354611" y="2243628"/>
              <a:ext cx="684723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ACC69C51-152E-42EB-9E33-2953A61CF398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>
          <a:xfrm>
            <a:off x="648000" y="648000"/>
            <a:ext cx="6406850" cy="694663"/>
          </a:xfrm>
        </p:spPr>
        <p:txBody>
          <a:bodyPr anchor="t"/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BEAC6E4-F34E-C8E7-3EE6-EBAF68C864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91B7CAE-3673-9F2C-CEC3-DD3AC3C50C5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1AB8224-9D13-0477-381E-9E06AE6FAE1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49D40B05-6144-8FA9-C28C-8E4E3FE5B0F6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rgbClr val="FFFFFF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0" name="dynamic logo white" descr="{&quot;templafy&quot;:{&quot;id&quot;:&quot;d2c74e02-72cd-4c31-bda6-0d51377b95f0&quot;}}" title="Form.PLogoChoice.PLogoInsertionWhite">
            <a:extLst>
              <a:ext uri="{FF2B5EF4-FFF2-40B4-BE49-F238E27FC236}">
                <a16:creationId xmlns:a16="http://schemas.microsoft.com/office/drawing/2014/main" id="{1A6A96C2-0B73-E670-4F39-F1FDDA60D261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4610824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F3BC2A95-D6F3-C873-0C4F-968220225C6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749301" y="3127375"/>
            <a:ext cx="10423524" cy="603250"/>
            <a:chOff x="1595205" y="1927239"/>
            <a:chExt cx="6143204" cy="603250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42645" y="1927239"/>
              <a:ext cx="5495764" cy="603250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595205" y="1927239"/>
              <a:ext cx="647442" cy="60325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400" b="1" dirty="0">
                  <a:solidFill>
                    <a:schemeClr val="bg1"/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749301" y="3127375"/>
            <a:ext cx="10423523" cy="603250"/>
            <a:chOff x="1595205" y="1927239"/>
            <a:chExt cx="6143204" cy="603250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42645" y="1927239"/>
              <a:ext cx="5495764" cy="603250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595205" y="1927239"/>
              <a:ext cx="647442" cy="60325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400" b="1" dirty="0">
                  <a:solidFill>
                    <a:schemeClr val="bg1"/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E0DBF30-E737-9B72-7BCE-6AAF7DB68DA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46C61A8-A907-429E-B74A-EFE0C718505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AB9F0A-4D38-6AC3-6ABD-0F8B46103A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reeform: Shape 6">
            <a:extLst>
              <a:ext uri="{FF2B5EF4-FFF2-40B4-BE49-F238E27FC236}">
                <a16:creationId xmlns:a16="http://schemas.microsoft.com/office/drawing/2014/main" id="{C84AD194-DB6D-51A5-BDB1-27DCA11A0D92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" name="dynamic logo white" descr="{&quot;templafy&quot;:{&quot;id&quot;:&quot;3597c04d-a1d4-4db2-9518-94d467de3247&quot;}}" title="Form.PLogoChoice.PLogoInsertionWhite">
            <a:extLst>
              <a:ext uri="{FF2B5EF4-FFF2-40B4-BE49-F238E27FC236}">
                <a16:creationId xmlns:a16="http://schemas.microsoft.com/office/drawing/2014/main" id="{4C8B24A5-6FA4-69B5-BF18-CC32917C434E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3429510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CB97ADE-DB50-43D7-B6D7-6AA6A44173B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62254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B13A6A0-AAC5-4762-99A3-8E67DE5BC58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6A718C-8117-4521-935E-A616BB58A8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Box 3">
            <a:extLst>
              <a:ext uri="{FF2B5EF4-FFF2-40B4-BE49-F238E27FC236}">
                <a16:creationId xmlns:a16="http://schemas.microsoft.com/office/drawing/2014/main" id="{B82AC4B4-CADE-20C1-7FDB-8AAC5E43A47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428452"/>
            <a:ext cx="2786833" cy="40010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</p:txBody>
      </p:sp>
      <p:sp>
        <p:nvSpPr>
          <p:cNvPr id="6" name="Text Box 2">
            <a:extLst>
              <a:ext uri="{FF2B5EF4-FFF2-40B4-BE49-F238E27FC236}">
                <a16:creationId xmlns:a16="http://schemas.microsoft.com/office/drawing/2014/main" id="{BA76E542-DB9C-D84A-C66E-A0AE87C4FFE0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47700" y="1434082"/>
            <a:ext cx="2280360" cy="50013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8F7E2418-BDC7-BE7A-66D4-F96CC03BAB7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967579" y="3143286"/>
            <a:ext cx="257143" cy="285714"/>
          </a:xfrm>
          <a:prstGeom prst="rect">
            <a:avLst/>
          </a:prstGeom>
        </p:spPr>
      </p:pic>
      <p:pic>
        <p:nvPicPr>
          <p:cNvPr id="8" name="Picture 29">
            <a:extLst>
              <a:ext uri="{FF2B5EF4-FFF2-40B4-BE49-F238E27FC236}">
                <a16:creationId xmlns:a16="http://schemas.microsoft.com/office/drawing/2014/main" id="{12752743-2485-3862-B5EC-789D88B1C9E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968120" y="2420103"/>
            <a:ext cx="457143" cy="257143"/>
          </a:xfrm>
          <a:prstGeom prst="rect">
            <a:avLst/>
          </a:prstGeom>
        </p:spPr>
      </p:pic>
      <p:pic>
        <p:nvPicPr>
          <p:cNvPr id="9" name="Picture 33">
            <a:extLst>
              <a:ext uri="{FF2B5EF4-FFF2-40B4-BE49-F238E27FC236}">
                <a16:creationId xmlns:a16="http://schemas.microsoft.com/office/drawing/2014/main" id="{0E9AB818-AB04-348D-8000-48224FE3FB6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54412" y="2939262"/>
            <a:ext cx="341204" cy="321707"/>
          </a:xfrm>
          <a:prstGeom prst="rect">
            <a:avLst/>
          </a:prstGeom>
        </p:spPr>
      </p:pic>
      <p:pic>
        <p:nvPicPr>
          <p:cNvPr id="10" name="Picture 16">
            <a:extLst>
              <a:ext uri="{FF2B5EF4-FFF2-40B4-BE49-F238E27FC236}">
                <a16:creationId xmlns:a16="http://schemas.microsoft.com/office/drawing/2014/main" id="{92365D11-E7F8-7109-B971-EED59FB60BC3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74001" y="4133838"/>
            <a:ext cx="328881" cy="505501"/>
          </a:xfrm>
          <a:prstGeom prst="rect">
            <a:avLst/>
          </a:prstGeom>
        </p:spPr>
      </p:pic>
      <p:pic>
        <p:nvPicPr>
          <p:cNvPr id="11" name="Picture 20">
            <a:extLst>
              <a:ext uri="{FF2B5EF4-FFF2-40B4-BE49-F238E27FC236}">
                <a16:creationId xmlns:a16="http://schemas.microsoft.com/office/drawing/2014/main" id="{FB15E05D-9E3B-A123-4428-C4E65ACB7E2A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74001" y="5461991"/>
            <a:ext cx="538465" cy="172841"/>
          </a:xfrm>
          <a:prstGeom prst="rect">
            <a:avLst/>
          </a:prstGeom>
        </p:spPr>
      </p:pic>
      <p:pic>
        <p:nvPicPr>
          <p:cNvPr id="12" name="Picture 19">
            <a:extLst>
              <a:ext uri="{FF2B5EF4-FFF2-40B4-BE49-F238E27FC236}">
                <a16:creationId xmlns:a16="http://schemas.microsoft.com/office/drawing/2014/main" id="{BD89D20E-1919-3687-114A-C7E9F348C9AB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310433" y="3749002"/>
            <a:ext cx="313788" cy="543900"/>
          </a:xfrm>
          <a:prstGeom prst="rect">
            <a:avLst/>
          </a:prstGeom>
        </p:spPr>
      </p:pic>
      <p:sp>
        <p:nvSpPr>
          <p:cNvPr id="13" name="Text Box 4">
            <a:extLst>
              <a:ext uri="{FF2B5EF4-FFF2-40B4-BE49-F238E27FC236}">
                <a16:creationId xmlns:a16="http://schemas.microsoft.com/office/drawing/2014/main" id="{DAFE49F7-8BE5-96E8-15D6-5BCD09854B5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729773" y="1428452"/>
            <a:ext cx="2358243" cy="4154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Insert predefined slides and elements. Click the blue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Templafy 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button and choose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s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 and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 elements 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in the Templafy pane on the right side of the screen.</a:t>
            </a:r>
            <a:br>
              <a:rPr kumimoji="0" lang="en-US" altLang="da-DK" sz="16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+mn-lt"/>
                <a:ea typeface="+mn-ea"/>
                <a:cs typeface="Arial" panose="020B0604020202020204" pitchFamily="34" charset="0"/>
              </a:rPr>
            </a:br>
            <a:endParaRPr lang="en-US" sz="1600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EADER </a:t>
            </a: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4" name="Fast overskrift">
            <a:extLst>
              <a:ext uri="{FF2B5EF4-FFF2-40B4-BE49-F238E27FC236}">
                <a16:creationId xmlns:a16="http://schemas.microsoft.com/office/drawing/2014/main" id="{8E33FDE5-8E17-7F8D-BC99-486DA774F52E}"/>
              </a:ext>
            </a:extLst>
          </p:cNvPr>
          <p:cNvSpPr txBox="1"/>
          <p:nvPr userDrawn="1"/>
        </p:nvSpPr>
        <p:spPr>
          <a:xfrm>
            <a:off x="647700" y="448713"/>
            <a:ext cx="1100137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rgbClr val="001965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53892759-C4B6-4BDD-8735-886F2E05EE1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974000" y="4897450"/>
            <a:ext cx="475428" cy="176762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A1740165-4EB8-F65C-8E17-DF7AB9E572E5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029" b="2593"/>
          <a:stretch/>
        </p:blipFill>
        <p:spPr>
          <a:xfrm>
            <a:off x="7183300" y="1664025"/>
            <a:ext cx="1046300" cy="519148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83B219DD-4D39-78A1-267E-BE359226E017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9458" b="2593"/>
          <a:stretch/>
        </p:blipFill>
        <p:spPr>
          <a:xfrm>
            <a:off x="7183300" y="5730260"/>
            <a:ext cx="340068" cy="519148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64B48F98-737E-2B07-5676-868E5F9E8A46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9458" b="2593"/>
          <a:stretch/>
        </p:blipFill>
        <p:spPr>
          <a:xfrm>
            <a:off x="11021150" y="1980243"/>
            <a:ext cx="340068" cy="519148"/>
          </a:xfrm>
          <a:prstGeom prst="rect">
            <a:avLst/>
          </a:prstGeom>
        </p:spPr>
      </p:pic>
      <p:sp>
        <p:nvSpPr>
          <p:cNvPr id="19" name="Text Box 4">
            <a:extLst>
              <a:ext uri="{FF2B5EF4-FFF2-40B4-BE49-F238E27FC236}">
                <a16:creationId xmlns:a16="http://schemas.microsoft.com/office/drawing/2014/main" id="{53B1BADF-59C2-569F-DD8D-299311735FE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4659" y="5461991"/>
            <a:ext cx="2358243" cy="8771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TEMPLAT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blu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 and click on ‘Find template’ in the bottom of the Templafy pane on the right side of the screen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.</a:t>
            </a:r>
            <a:endParaRPr lang="en-US" altLang="da-DK" sz="9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94B383-BF7D-4411-BD45-F0A19E2E0F6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D63E1FA-690B-4821-905F-8A63D30219A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3EB50CE-DD1E-4A3F-BDC5-8A2FF0EFF6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0A0068A-8F38-41B6-931F-5E71C750BC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63E4E13-CBC3-4A5C-9368-BB1DF9119A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27287503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4919D8-5CD9-44B7-B78A-6BE9611D82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C71624-4126-404C-BC5F-FDCAD3B51CC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431D67-5C7D-4DD8-AFEC-C352AC10D8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31200D6-5F4F-48F2-906B-F527D316D8B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6D4295-39C3-48CA-921C-542F3F412C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71896723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437263-411A-4A28-821E-9D5A3BA3E5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89E102F-B6EA-4F69-BD61-1F5E6462F2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F624048-E8B3-4BE3-B56D-17CECD3BE0A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C6FE480-4107-469D-9E1F-063B012A0E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2D0844-53DF-43C8-BD4A-CDED69B49D9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9089712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10544F-55C0-4E9E-A3F0-2A98951F560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0028FAE-321A-427D-BBAF-4A22C49CB0F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1F287EC-3235-418E-8D2C-6BBF4D7519C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37CCBB6-4201-4885-9B52-F46BFAE665B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63D2CE8-D858-4B7F-BC76-BB7A83EC067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59684F2-9FC1-4367-BD84-8235741807A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63884619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69A53B-3920-4789-8E76-34909B57E0B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F0F5CAA-39A2-4FCE-8849-0BEEBC4DD81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869E45A-7E49-4AA6-AAAB-C08FE6F09F69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E316258-93EF-4694-9BC3-A1EA1105627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D8992FFD-720A-4F6B-8AF1-32AA9E3F540B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F57770C-BD84-4C79-9CCA-98CA3739A9F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6512D35-6DB1-4450-BD38-D6ABD3DF09E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82CB5B8-CD53-4174-BF10-435AEFDC5D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6455203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8641B7-B1EF-4EC4-AF80-EEB0F639029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CB0111D-6F7C-41C9-A93B-F42E2E65E2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4C9A014-6B19-44FC-93A0-F247D12B78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D87EA35-EFED-461C-A600-A6E508E4E2E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8791078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136356" y="2163600"/>
            <a:ext cx="6408844" cy="2379600"/>
          </a:xfrm>
        </p:spPr>
        <p:txBody>
          <a:bodyPr anchor="ctr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8" name="Text Placeholder 9">
            <a:extLst>
              <a:ext uri="{FF2B5EF4-FFF2-40B4-BE49-F238E27FC236}">
                <a16:creationId xmlns:a16="http://schemas.microsoft.com/office/drawing/2014/main" id="{F3DB85B7-7760-4094-B5B7-6A45B6116B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36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31" name="Date Placeholder 6">
            <a:extLst>
              <a:ext uri="{FF2B5EF4-FFF2-40B4-BE49-F238E27FC236}">
                <a16:creationId xmlns:a16="http://schemas.microsoft.com/office/drawing/2014/main" id="{353E10AF-D600-4770-A150-4A8ED3F945C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5136000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7ACB837-D775-4027-8A9A-8A934ABD2C6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4000" y="324000"/>
            <a:ext cx="4488000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2DB09BC2-598E-40D3-B291-F2AE97681E1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3" name="Footer Placeholder 7">
            <a:extLst>
              <a:ext uri="{FF2B5EF4-FFF2-40B4-BE49-F238E27FC236}">
                <a16:creationId xmlns:a16="http://schemas.microsoft.com/office/drawing/2014/main" id="{6065F747-4561-4901-98B7-BF52331654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8">
            <a:extLst>
              <a:ext uri="{FF2B5EF4-FFF2-40B4-BE49-F238E27FC236}">
                <a16:creationId xmlns:a16="http://schemas.microsoft.com/office/drawing/2014/main" id="{871C597D-634C-4C0B-95AD-0C969D58456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dynamic logo" descr="{&quot;templafy&quot;:{&quot;id&quot;:&quot;e14c1e8b-e5f8-4300-ad3b-146d5f4e19b1&quot;}}" title="Form.PLogoChoice.PLogoInsertion">
            <a:extLst>
              <a:ext uri="{FF2B5EF4-FFF2-40B4-BE49-F238E27FC236}">
                <a16:creationId xmlns:a16="http://schemas.microsoft.com/office/drawing/2014/main" id="{519FA106-F411-F9C9-D449-308F55049C8F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338c16ac-f273-427c-872a-10119817d4de&quot;}}" title="Form.PLogoChoice.PLogoInsertion">
            <a:extLst>
              <a:ext uri="{FF2B5EF4-FFF2-40B4-BE49-F238E27FC236}">
                <a16:creationId xmlns:a16="http://schemas.microsoft.com/office/drawing/2014/main" id="{6031507D-6644-A3B6-BBED-4B812C95A40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578854A-D471-4E58-8979-1EE81566364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B8B67B-966F-437F-9B88-A599A8ECABE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81BB8FF-F2A5-49ED-B25A-FFF7633AC6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216995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801FE9-EF3A-4A7B-8722-C48F0C6AB7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5809F52-6A39-4945-917A-DC8EB6498C9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D5D292A-3993-4AC5-8250-D310CE4C75B0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DF6A96C-C9D7-4F21-AB70-4A20F7C5CD9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485D62E-354D-4623-97A5-476E9ABF8A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33D0546-AE5F-4F13-AECD-24D14BC833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76992819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B93681-3067-4E4A-B81D-A0CB4C737F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91F9A73-6FE2-412A-8F47-CB9DC350B5E1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C3F7162-749A-4B53-9A92-A4DE6D24ACB0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FE89BC-6619-4629-BE6C-37066492F3A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D064BD1-2228-46F6-BA60-1313813CDC1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32F678-BD85-43E0-BA03-330DE5476BC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3327558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7153C01-42E8-4F0E-800F-D7897B58A9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F4ADD477-D1BA-4964-B3EA-04A1A27C3532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3ABF27A-C032-4111-963B-F7D0F20269D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F973F9E-7E1F-4C51-9FDA-22AEF3943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68C6B90-B83D-4522-96F2-7CFA0F3856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3172610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5DBDB2CD-5422-422A-A605-D8EEDF25F6D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A612B80-86F9-4BB3-AC05-2AB4A5CFC70E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75667B-1836-4AD0-8965-E946C53E744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6E36771-0CE5-4468-B541-8F09E0F15DC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46354E8-F61E-49CB-9F00-AC82D64205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20364449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Rubrik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>
            <a:extLst>
              <a:ext uri="{FF2B5EF4-FFF2-40B4-BE49-F238E27FC236}">
                <a16:creationId xmlns:a16="http://schemas.microsoft.com/office/drawing/2014/main" id="{A6D5E951-B21C-4F1D-B5EA-686E6DDB8D7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2" name="Rubrik 1">
            <a:extLst>
              <a:ext uri="{FF2B5EF4-FFF2-40B4-BE49-F238E27FC236}">
                <a16:creationId xmlns:a16="http://schemas.microsoft.com/office/drawing/2014/main" id="{653A4FBD-AF1D-4E0A-A4FD-352A6BFE369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2795885"/>
            <a:ext cx="9144000" cy="2387600"/>
          </a:xfrm>
        </p:spPr>
        <p:txBody>
          <a:bodyPr anchor="b"/>
          <a:lstStyle>
            <a:lvl1pPr algn="ctr">
              <a:defRPr sz="6000" b="1">
                <a:solidFill>
                  <a:schemeClr val="bg1"/>
                </a:solidFill>
                <a:latin typeface="Adelle Sans" panose="02000503000000020004" pitchFamily="50" charset="0"/>
              </a:defRPr>
            </a:lvl1pPr>
          </a:lstStyle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7EF6B7EA-CD42-4BC2-A7DC-DCDE8C5D423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5232428"/>
            <a:ext cx="9144000" cy="1655762"/>
          </a:xfrm>
        </p:spPr>
        <p:txBody>
          <a:bodyPr/>
          <a:lstStyle>
            <a:lvl1pPr marL="0" indent="0" algn="ctr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/>
              <a:t>Klicka här för att ändra mall för underrubrikformat</a:t>
            </a:r>
            <a:endParaRPr lang="sv-SE" dirty="0"/>
          </a:p>
        </p:txBody>
      </p:sp>
      <p:pic>
        <p:nvPicPr>
          <p:cNvPr id="9" name="Bildobjekt 8" descr="En bild som visar tecken&#10;&#10;Automatiskt genererad beskrivning">
            <a:extLst>
              <a:ext uri="{FF2B5EF4-FFF2-40B4-BE49-F238E27FC236}">
                <a16:creationId xmlns:a16="http://schemas.microsoft.com/office/drawing/2014/main" id="{BBD5F12F-1AB3-4092-BC32-AFA69CA57D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53127" y="301922"/>
            <a:ext cx="3285745" cy="31269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2628868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047D9B4A-6546-4B8F-82EC-F77D3DD7EC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012429E4-B7D7-4A15-AAFB-4A5A7034AF0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20368592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vsnitts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3C8A2CE8-238E-4748-8B25-511FC1643A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0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text 2">
            <a:extLst>
              <a:ext uri="{FF2B5EF4-FFF2-40B4-BE49-F238E27FC236}">
                <a16:creationId xmlns:a16="http://schemas.microsoft.com/office/drawing/2014/main" id="{A0E72981-136C-4F5B-9594-4E8C1177A87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2852737"/>
            <a:ext cx="10515600" cy="3004599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</p:spTree>
    <p:extLst>
      <p:ext uri="{BB962C8B-B14F-4D97-AF65-F5344CB8AC3E}">
        <p14:creationId xmlns:p14="http://schemas.microsoft.com/office/powerpoint/2010/main" val="146665286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ubrik samt 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45C64640-6F7D-4EE1-8000-D8985D9D483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6" name="Platshållare för text 5">
            <a:extLst>
              <a:ext uri="{FF2B5EF4-FFF2-40B4-BE49-F238E27FC236}">
                <a16:creationId xmlns:a16="http://schemas.microsoft.com/office/drawing/2014/main" id="{AB74D529-4D9F-49C7-86C6-0ABA57960DF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8200" y="1792288"/>
            <a:ext cx="10515600" cy="3448050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</a:lstStyle>
          <a:p>
            <a:pPr lvl="0"/>
            <a:r>
              <a:rPr lang="sv-SE" dirty="0"/>
              <a:t>Lägg till din text…</a:t>
            </a:r>
          </a:p>
        </p:txBody>
      </p:sp>
    </p:spTree>
    <p:extLst>
      <p:ext uri="{BB962C8B-B14F-4D97-AF65-F5344CB8AC3E}">
        <p14:creationId xmlns:p14="http://schemas.microsoft.com/office/powerpoint/2010/main" val="326971180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 logo vänster, text hög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ktangel 2">
            <a:extLst>
              <a:ext uri="{FF2B5EF4-FFF2-40B4-BE49-F238E27FC236}">
                <a16:creationId xmlns:a16="http://schemas.microsoft.com/office/drawing/2014/main" id="{14D080F2-6ADF-4C10-9688-9A99A9A24FC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6" name="Platshållare för text 5">
            <a:extLst>
              <a:ext uri="{FF2B5EF4-FFF2-40B4-BE49-F238E27FC236}">
                <a16:creationId xmlns:a16="http://schemas.microsoft.com/office/drawing/2014/main" id="{AB74D529-4D9F-49C7-86C6-0ABA57960DF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478437" y="1615656"/>
            <a:ext cx="4649638" cy="3448050"/>
          </a:xfrm>
        </p:spPr>
        <p:txBody>
          <a:bodyPr>
            <a:normAutofit/>
          </a:bodyPr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</a:lstStyle>
          <a:p>
            <a:pPr lvl="0"/>
            <a:r>
              <a:rPr lang="sv-SE" dirty="0"/>
              <a:t>Lägg till din text…</a:t>
            </a:r>
          </a:p>
        </p:txBody>
      </p:sp>
      <p:pic>
        <p:nvPicPr>
          <p:cNvPr id="5" name="Bildobjekt 4" descr="En bild som visar tecken&#10;&#10;Automatiskt genererad beskrivning">
            <a:extLst>
              <a:ext uri="{FF2B5EF4-FFF2-40B4-BE49-F238E27FC236}">
                <a16:creationId xmlns:a16="http://schemas.microsoft.com/office/drawing/2014/main" id="{2D9AE29F-F3AA-41A4-AF8C-44F1916F16C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7728" y="961018"/>
            <a:ext cx="4998942" cy="47573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38700776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EF3B750-FD0B-4117-8CF8-02751916C1F8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01 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5A42DB6-37C7-4655-8383-4D4C615303B7}"/>
              </a:ext>
            </a:extLst>
          </p:cNvPr>
          <p:cNvSpPr txBox="1"/>
          <p:nvPr userDrawn="1"/>
        </p:nvSpPr>
        <p:spPr>
          <a:xfrm>
            <a:off x="7381875" y="2819981"/>
            <a:ext cx="4162126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US" sz="7200" dirty="0">
                <a:solidFill>
                  <a:schemeClr val="bg1"/>
                </a:solidFill>
              </a:rPr>
              <a:t>Agenda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4BBEEFE-FD1C-41BE-8701-C445D2EB12C0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5" name="dynamic logo white" descr="{&quot;templafy&quot;:{&quot;id&quot;:&quot;80599211-5dd2-40f7-9253-167e1299118d&quot;}}" title="Form.PLogoChoice.PLogoInsertionWhite">
            <a:extLst>
              <a:ext uri="{FF2B5EF4-FFF2-40B4-BE49-F238E27FC236}">
                <a16:creationId xmlns:a16="http://schemas.microsoft.com/office/drawing/2014/main" id="{6ED7F931-BA7C-4B68-C51D-0E73BD0BBFC9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ubrik samt faktarut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45C64640-6F7D-4EE1-8000-D8985D9D483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5" name="Platshållare för text 4">
            <a:extLst>
              <a:ext uri="{FF2B5EF4-FFF2-40B4-BE49-F238E27FC236}">
                <a16:creationId xmlns:a16="http://schemas.microsoft.com/office/drawing/2014/main" id="{DFC32242-2CA1-4126-88B6-7E296C7714A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059112" y="1690688"/>
            <a:ext cx="6073775" cy="3557587"/>
          </a:xfrm>
          <a:solidFill>
            <a:schemeClr val="accent3"/>
          </a:solidFill>
          <a:effectLst>
            <a:softEdge rad="0"/>
          </a:effectLst>
          <a:scene3d>
            <a:camera prst="orthographicFront"/>
            <a:lightRig rig="threePt" dir="t"/>
          </a:scene3d>
          <a:sp3d>
            <a:bevelT w="0"/>
          </a:sp3d>
        </p:spPr>
        <p:txBody>
          <a:bodyPr lIns="180000" tIns="180000" rIns="180000" bIns="180000"/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algn="l">
              <a:defRPr/>
            </a:lvl5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43404451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ubrik samt dubbla faktarut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45C64640-6F7D-4EE1-8000-D8985D9D483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5" name="Platshållare för text 4">
            <a:extLst>
              <a:ext uri="{FF2B5EF4-FFF2-40B4-BE49-F238E27FC236}">
                <a16:creationId xmlns:a16="http://schemas.microsoft.com/office/drawing/2014/main" id="{DFC32242-2CA1-4126-88B6-7E296C7714A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8201" y="1690688"/>
            <a:ext cx="4863860" cy="3557587"/>
          </a:xfrm>
          <a:solidFill>
            <a:schemeClr val="accent3"/>
          </a:solidFill>
          <a:effectLst>
            <a:softEdge rad="0"/>
          </a:effectLst>
          <a:scene3d>
            <a:camera prst="orthographicFront"/>
            <a:lightRig rig="threePt" dir="t"/>
          </a:scene3d>
          <a:sp3d>
            <a:bevelT w="0"/>
          </a:sp3d>
        </p:spPr>
        <p:txBody>
          <a:bodyPr lIns="180000" tIns="180000" rIns="180000" bIns="180000"/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algn="l">
              <a:defRPr/>
            </a:lvl5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sp>
        <p:nvSpPr>
          <p:cNvPr id="4" name="Platshållare för text 4">
            <a:extLst>
              <a:ext uri="{FF2B5EF4-FFF2-40B4-BE49-F238E27FC236}">
                <a16:creationId xmlns:a16="http://schemas.microsoft.com/office/drawing/2014/main" id="{C449C993-0AF3-43AB-9A58-04A1FB39D68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489941" y="1690688"/>
            <a:ext cx="4863860" cy="3557587"/>
          </a:xfrm>
          <a:solidFill>
            <a:schemeClr val="accent3"/>
          </a:solidFill>
          <a:effectLst>
            <a:softEdge rad="0"/>
          </a:effectLst>
          <a:scene3d>
            <a:camera prst="orthographicFront"/>
            <a:lightRig rig="threePt" dir="t"/>
          </a:scene3d>
          <a:sp3d>
            <a:bevelT w="0"/>
          </a:sp3d>
        </p:spPr>
        <p:txBody>
          <a:bodyPr lIns="180000" tIns="180000" rIns="180000" bIns="180000"/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algn="l">
              <a:defRPr/>
            </a:lvl5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56450508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vå dela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60316C5C-A73C-4D6D-AA94-A3BFA67925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9D568856-C920-46B1-BABF-E6DA9CCA0BB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5D58792E-B1EA-4FB9-859A-1906FE46E5A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</p:spTree>
    <p:extLst>
      <p:ext uri="{BB962C8B-B14F-4D97-AF65-F5344CB8AC3E}">
        <p14:creationId xmlns:p14="http://schemas.microsoft.com/office/powerpoint/2010/main" val="49906375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Jämföre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B1F1DB42-833E-4FC7-A021-E932390D862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text 2">
            <a:extLst>
              <a:ext uri="{FF2B5EF4-FFF2-40B4-BE49-F238E27FC236}">
                <a16:creationId xmlns:a16="http://schemas.microsoft.com/office/drawing/2014/main" id="{037491D3-DE53-4128-ACA6-500BB20BC42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B2D09FCE-61E9-4F48-8F02-BB929836B8C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sp>
        <p:nvSpPr>
          <p:cNvPr id="5" name="Platshållare för text 4">
            <a:extLst>
              <a:ext uri="{FF2B5EF4-FFF2-40B4-BE49-F238E27FC236}">
                <a16:creationId xmlns:a16="http://schemas.microsoft.com/office/drawing/2014/main" id="{23F35FA4-1843-44C3-BF8E-57AD71C1AC20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6" name="Platshållare för innehåll 5">
            <a:extLst>
              <a:ext uri="{FF2B5EF4-FFF2-40B4-BE49-F238E27FC236}">
                <a16:creationId xmlns:a16="http://schemas.microsoft.com/office/drawing/2014/main" id="{B2EF35D8-114A-4ABF-A92B-030D01F14F2C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92005487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9BDDB68D-85B2-438B-9EA8-86DB25BF8446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2" name="Rubrik 1">
            <a:extLst>
              <a:ext uri="{FF2B5EF4-FFF2-40B4-BE49-F238E27FC236}">
                <a16:creationId xmlns:a16="http://schemas.microsoft.com/office/drawing/2014/main" id="{E9F3317F-DD83-48E2-A3C0-8608F0CF2CE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289480"/>
            <a:ext cx="10515600" cy="13255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Klicka här för att ändra mall för rubrikformat</a:t>
            </a:r>
            <a:endParaRPr lang="sv-SE" dirty="0"/>
          </a:p>
        </p:txBody>
      </p:sp>
      <p:pic>
        <p:nvPicPr>
          <p:cNvPr id="8" name="Bildobjekt 7" descr="En bild som visar tecken&#10;&#10;Automatiskt genererad beskrivning">
            <a:extLst>
              <a:ext uri="{FF2B5EF4-FFF2-40B4-BE49-F238E27FC236}">
                <a16:creationId xmlns:a16="http://schemas.microsoft.com/office/drawing/2014/main" id="{C54CC665-7FF6-4F47-8239-ABE1187E2C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11466" y="271195"/>
            <a:ext cx="2769068" cy="26352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1248189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3516553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Text med bild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87AE5D20-33E9-4345-9E8F-C67F4CE56D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F814449F-C617-4B1F-8DF3-BA5535B283F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284CE0E3-4B98-4036-8B54-EE4097660DB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</p:spTree>
    <p:extLst>
      <p:ext uri="{BB962C8B-B14F-4D97-AF65-F5344CB8AC3E}">
        <p14:creationId xmlns:p14="http://schemas.microsoft.com/office/powerpoint/2010/main" val="384788805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Bild med bild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4C802D11-14E7-4ACC-BFDE-1305691C99E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bild 2">
            <a:extLst>
              <a:ext uri="{FF2B5EF4-FFF2-40B4-BE49-F238E27FC236}">
                <a16:creationId xmlns:a16="http://schemas.microsoft.com/office/drawing/2014/main" id="{105A1ED8-9C41-432A-AC82-DBE63A9B3677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6172200" cy="5403850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sv-SE"/>
              <a:t>Klicka på ikonen för att lägga till en bild</a:t>
            </a:r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40768C95-6234-4AB4-BD0C-13DCF3F4FAA2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</p:spTree>
    <p:extLst>
      <p:ext uri="{BB962C8B-B14F-4D97-AF65-F5344CB8AC3E}">
        <p14:creationId xmlns:p14="http://schemas.microsoft.com/office/powerpoint/2010/main" val="232184379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Rubrik och lodrä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4CE442C3-8D37-4EFF-A16B-A9C3884139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lodrät text 2">
            <a:extLst>
              <a:ext uri="{FF2B5EF4-FFF2-40B4-BE49-F238E27FC236}">
                <a16:creationId xmlns:a16="http://schemas.microsoft.com/office/drawing/2014/main" id="{6F455EF8-74A7-45E9-805B-824B3F7D2B0C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</p:spTree>
    <p:extLst>
      <p:ext uri="{BB962C8B-B14F-4D97-AF65-F5344CB8AC3E}">
        <p14:creationId xmlns:p14="http://schemas.microsoft.com/office/powerpoint/2010/main" val="292895555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Lodrät rubrik oc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Lodrät rubrik 1">
            <a:extLst>
              <a:ext uri="{FF2B5EF4-FFF2-40B4-BE49-F238E27FC236}">
                <a16:creationId xmlns:a16="http://schemas.microsoft.com/office/drawing/2014/main" id="{FE59AE88-9C9D-4CE4-A7A8-FD3342A98A76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lodrät text 2">
            <a:extLst>
              <a:ext uri="{FF2B5EF4-FFF2-40B4-BE49-F238E27FC236}">
                <a16:creationId xmlns:a16="http://schemas.microsoft.com/office/drawing/2014/main" id="{847088B4-7826-4264-8A8F-B5A3F330DD0F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</p:spTree>
    <p:extLst>
      <p:ext uri="{BB962C8B-B14F-4D97-AF65-F5344CB8AC3E}">
        <p14:creationId xmlns:p14="http://schemas.microsoft.com/office/powerpoint/2010/main" val="150202198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AB77215-63F5-457D-BB11-70300B8118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tx2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tx2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noProof="0" dirty="0"/>
              <a:t>01 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" name="dynamic logo" descr="{&quot;templafy&quot;:{&quot;id&quot;:&quot;da84e5de-a58e-41d9-8944-b7faf5871c01&quot;}}" title="Form.PLogoChoice.PLogoInsertion">
            <a:extLst>
              <a:ext uri="{FF2B5EF4-FFF2-40B4-BE49-F238E27FC236}">
                <a16:creationId xmlns:a16="http://schemas.microsoft.com/office/drawing/2014/main" id="{3812ECF8-B6AF-45BC-FBA9-ACA31DD77C6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5" name="dynamic year 100" descr="{&quot;templafy&quot;:{&quot;id&quot;:&quot;168bd182-9ef5-4e3d-b512-1d83c5fd765c&quot;}}" hidden="1" title="Form.PLogoChoice.PLogoInsertion">
            <a:extLst>
              <a:ext uri="{FF2B5EF4-FFF2-40B4-BE49-F238E27FC236}">
                <a16:creationId xmlns:a16="http://schemas.microsoft.com/office/drawing/2014/main" id="{97129AA5-5F6C-4D56-9FE7-7F7D411655B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098007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anded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C2AD94F7-3470-4EDF-8360-C604BB358116}" type="datetime3">
              <a:rPr lang="en-US" smtClean="0"/>
              <a:t>7 April 2026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5" name="dynamic year 100" descr="{&quot;templafy&quot;:{&quot;id&quot;:&quot;73490c22-471e-4781-8099-e9f104573d1e&quot;}}" title="Form.PLogoChoice.PLogoInsertion">
            <a:extLst>
              <a:ext uri="{FF2B5EF4-FFF2-40B4-BE49-F238E27FC236}">
                <a16:creationId xmlns:a16="http://schemas.microsoft.com/office/drawing/2014/main" id="{289874BE-970D-D4C8-9E09-95F2102C6FC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dynamic logo" descr="{&quot;templafy&quot;:{&quot;id&quot;:&quot;33916994-bb0c-44ec-a8d4-4da1879bf7d0&quot;}}" title="Form.PLogoChoice.PLogoInsertion">
            <a:extLst>
              <a:ext uri="{FF2B5EF4-FFF2-40B4-BE49-F238E27FC236}">
                <a16:creationId xmlns:a16="http://schemas.microsoft.com/office/drawing/2014/main" id="{E9B6A2DE-5699-838D-85ED-F231108A9E4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77120114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Agenda">
    <p:bg bwMode="grayWhite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494AFEEA-94E5-4AC9-A1E0-1C0A39ED59BF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E04617A3-773E-4D38-A193-F8C5B6A520C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A2A3BC1C-0A3F-4D46-8A19-9812D28C2BA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2892000" y="648000"/>
            <a:ext cx="6408000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noProof="0" dirty="0"/>
              <a:t>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E35705F-E398-47AC-9EC0-7584A114B9A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647999" y="648000"/>
            <a:ext cx="1920001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09.00-09.30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 bwMode="gray"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2" name="dynamic logo" descr="{&quot;templafy&quot;:{&quot;id&quot;:&quot;6bb09c38-291a-40fc-9f21-322598dbf764&quot;}}" title="Form.PLogoChoice.PLogoInsertion">
            <a:extLst>
              <a:ext uri="{FF2B5EF4-FFF2-40B4-BE49-F238E27FC236}">
                <a16:creationId xmlns:a16="http://schemas.microsoft.com/office/drawing/2014/main" id="{DBA87621-FA2E-E421-4CC1-24DDCD64E24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194304f5-a506-44bf-af87-2a6a96f3de78&quot;}}" title="Form.PLogoChoice.PLogoInsertion">
            <a:extLst>
              <a:ext uri="{FF2B5EF4-FFF2-40B4-BE49-F238E27FC236}">
                <a16:creationId xmlns:a16="http://schemas.microsoft.com/office/drawing/2014/main" id="{51093488-6AB7-37A0-89EA-AB79F453A22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6840844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Divid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97E7C513-B1CD-4706-976C-28D5F1922773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5562000"/>
          </a:xfrm>
        </p:spPr>
        <p:txBody>
          <a:bodyPr anchor="ctr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7" name="Freeform: Shape 26">
            <a:extLst>
              <a:ext uri="{FF2B5EF4-FFF2-40B4-BE49-F238E27FC236}">
                <a16:creationId xmlns:a16="http://schemas.microsoft.com/office/drawing/2014/main" id="{3602F927-C35A-415E-909F-7517AD1B0FFA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6" name="dynamic logo white" descr="{&quot;templafy&quot;:{&quot;id&quot;:&quot;2dd1c52b-e840-4584-af80-3688139ce934&quot;}}" title="Form.PLogoChoice.PLogoInsertionWhite">
            <a:extLst>
              <a:ext uri="{FF2B5EF4-FFF2-40B4-BE49-F238E27FC236}">
                <a16:creationId xmlns:a16="http://schemas.microsoft.com/office/drawing/2014/main" id="{87CB8881-FDC3-C4D2-8ABE-C8D9F50F5E7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117" Type="http://schemas.openxmlformats.org/officeDocument/2006/relationships/tags" Target="../tags/tag83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8.xml"/><Relationship Id="rId47" Type="http://schemas.openxmlformats.org/officeDocument/2006/relationships/tags" Target="../tags/tag13.xml"/><Relationship Id="rId63" Type="http://schemas.openxmlformats.org/officeDocument/2006/relationships/tags" Target="../tags/tag29.xml"/><Relationship Id="rId68" Type="http://schemas.openxmlformats.org/officeDocument/2006/relationships/tags" Target="../tags/tag34.xml"/><Relationship Id="rId84" Type="http://schemas.openxmlformats.org/officeDocument/2006/relationships/tags" Target="../tags/tag50.xml"/><Relationship Id="rId89" Type="http://schemas.openxmlformats.org/officeDocument/2006/relationships/tags" Target="../tags/tag55.xml"/><Relationship Id="rId112" Type="http://schemas.openxmlformats.org/officeDocument/2006/relationships/tags" Target="../tags/tag78.xml"/><Relationship Id="rId16" Type="http://schemas.openxmlformats.org/officeDocument/2006/relationships/slideLayout" Target="../slideLayouts/slideLayout16.xml"/><Relationship Id="rId107" Type="http://schemas.openxmlformats.org/officeDocument/2006/relationships/tags" Target="../tags/tag73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3.xml"/><Relationship Id="rId53" Type="http://schemas.openxmlformats.org/officeDocument/2006/relationships/tags" Target="../tags/tag19.xml"/><Relationship Id="rId58" Type="http://schemas.openxmlformats.org/officeDocument/2006/relationships/tags" Target="../tags/tag24.xml"/><Relationship Id="rId74" Type="http://schemas.openxmlformats.org/officeDocument/2006/relationships/tags" Target="../tags/tag40.xml"/><Relationship Id="rId79" Type="http://schemas.openxmlformats.org/officeDocument/2006/relationships/tags" Target="../tags/tag45.xml"/><Relationship Id="rId102" Type="http://schemas.openxmlformats.org/officeDocument/2006/relationships/tags" Target="../tags/tag68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56.xml"/><Relationship Id="rId95" Type="http://schemas.openxmlformats.org/officeDocument/2006/relationships/tags" Target="../tags/tag61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9.xml"/><Relationship Id="rId48" Type="http://schemas.openxmlformats.org/officeDocument/2006/relationships/tags" Target="../tags/tag14.xml"/><Relationship Id="rId64" Type="http://schemas.openxmlformats.org/officeDocument/2006/relationships/tags" Target="../tags/tag30.xml"/><Relationship Id="rId69" Type="http://schemas.openxmlformats.org/officeDocument/2006/relationships/tags" Target="../tags/tag35.xml"/><Relationship Id="rId113" Type="http://schemas.openxmlformats.org/officeDocument/2006/relationships/tags" Target="../tags/tag79.xml"/><Relationship Id="rId118" Type="http://schemas.openxmlformats.org/officeDocument/2006/relationships/tags" Target="../tags/tag84.xml"/><Relationship Id="rId80" Type="http://schemas.openxmlformats.org/officeDocument/2006/relationships/tags" Target="../tags/tag46.xml"/><Relationship Id="rId85" Type="http://schemas.openxmlformats.org/officeDocument/2006/relationships/tags" Target="../tags/tag5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4.xml"/><Relationship Id="rId59" Type="http://schemas.openxmlformats.org/officeDocument/2006/relationships/tags" Target="../tags/tag25.xml"/><Relationship Id="rId103" Type="http://schemas.openxmlformats.org/officeDocument/2006/relationships/tags" Target="../tags/tag69.xml"/><Relationship Id="rId108" Type="http://schemas.openxmlformats.org/officeDocument/2006/relationships/tags" Target="../tags/tag74.xml"/><Relationship Id="rId54" Type="http://schemas.openxmlformats.org/officeDocument/2006/relationships/tags" Target="../tags/tag20.xml"/><Relationship Id="rId70" Type="http://schemas.openxmlformats.org/officeDocument/2006/relationships/tags" Target="../tags/tag36.xml"/><Relationship Id="rId75" Type="http://schemas.openxmlformats.org/officeDocument/2006/relationships/tags" Target="../tags/tag41.xml"/><Relationship Id="rId91" Type="http://schemas.openxmlformats.org/officeDocument/2006/relationships/tags" Target="../tags/tag57.xml"/><Relationship Id="rId96" Type="http://schemas.openxmlformats.org/officeDocument/2006/relationships/tags" Target="../tags/tag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5.xml"/><Relationship Id="rId114" Type="http://schemas.openxmlformats.org/officeDocument/2006/relationships/tags" Target="../tags/tag80.xml"/><Relationship Id="rId119" Type="http://schemas.openxmlformats.org/officeDocument/2006/relationships/tags" Target="../tags/tag85.xml"/><Relationship Id="rId44" Type="http://schemas.openxmlformats.org/officeDocument/2006/relationships/tags" Target="../tags/tag10.xml"/><Relationship Id="rId60" Type="http://schemas.openxmlformats.org/officeDocument/2006/relationships/tags" Target="../tags/tag26.xml"/><Relationship Id="rId65" Type="http://schemas.openxmlformats.org/officeDocument/2006/relationships/tags" Target="../tags/tag31.xml"/><Relationship Id="rId81" Type="http://schemas.openxmlformats.org/officeDocument/2006/relationships/tags" Target="../tags/tag47.xml"/><Relationship Id="rId86" Type="http://schemas.openxmlformats.org/officeDocument/2006/relationships/tags" Target="../tags/tag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5.xml"/><Relationship Id="rId109" Type="http://schemas.openxmlformats.org/officeDocument/2006/relationships/tags" Target="../tags/tag75.xml"/><Relationship Id="rId34" Type="http://schemas.openxmlformats.org/officeDocument/2006/relationships/theme" Target="../theme/theme1.xml"/><Relationship Id="rId50" Type="http://schemas.openxmlformats.org/officeDocument/2006/relationships/tags" Target="../tags/tag16.xml"/><Relationship Id="rId55" Type="http://schemas.openxmlformats.org/officeDocument/2006/relationships/tags" Target="../tags/tag21.xml"/><Relationship Id="rId76" Type="http://schemas.openxmlformats.org/officeDocument/2006/relationships/tags" Target="../tags/tag42.xml"/><Relationship Id="rId97" Type="http://schemas.openxmlformats.org/officeDocument/2006/relationships/tags" Target="../tags/tag63.xml"/><Relationship Id="rId104" Type="http://schemas.openxmlformats.org/officeDocument/2006/relationships/tags" Target="../tags/tag70.xml"/><Relationship Id="rId120" Type="http://schemas.openxmlformats.org/officeDocument/2006/relationships/tags" Target="../tags/tag8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37.xml"/><Relationship Id="rId92" Type="http://schemas.openxmlformats.org/officeDocument/2006/relationships/tags" Target="../tags/tag58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6.xml"/><Relationship Id="rId45" Type="http://schemas.openxmlformats.org/officeDocument/2006/relationships/tags" Target="../tags/tag11.xml"/><Relationship Id="rId66" Type="http://schemas.openxmlformats.org/officeDocument/2006/relationships/tags" Target="../tags/tag32.xml"/><Relationship Id="rId87" Type="http://schemas.openxmlformats.org/officeDocument/2006/relationships/tags" Target="../tags/tag53.xml"/><Relationship Id="rId110" Type="http://schemas.openxmlformats.org/officeDocument/2006/relationships/tags" Target="../tags/tag76.xml"/><Relationship Id="rId115" Type="http://schemas.openxmlformats.org/officeDocument/2006/relationships/tags" Target="../tags/tag81.xml"/><Relationship Id="rId61" Type="http://schemas.openxmlformats.org/officeDocument/2006/relationships/tags" Target="../tags/tag27.xml"/><Relationship Id="rId82" Type="http://schemas.openxmlformats.org/officeDocument/2006/relationships/tags" Target="../tags/tag48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1.xml"/><Relationship Id="rId56" Type="http://schemas.openxmlformats.org/officeDocument/2006/relationships/tags" Target="../tags/tag22.xml"/><Relationship Id="rId77" Type="http://schemas.openxmlformats.org/officeDocument/2006/relationships/tags" Target="../tags/tag43.xml"/><Relationship Id="rId100" Type="http://schemas.openxmlformats.org/officeDocument/2006/relationships/tags" Target="../tags/tag66.xml"/><Relationship Id="rId105" Type="http://schemas.openxmlformats.org/officeDocument/2006/relationships/tags" Target="../tags/tag7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7.xml"/><Relationship Id="rId72" Type="http://schemas.openxmlformats.org/officeDocument/2006/relationships/tags" Target="../tags/tag38.xml"/><Relationship Id="rId93" Type="http://schemas.openxmlformats.org/officeDocument/2006/relationships/tags" Target="../tags/tag59.xml"/><Relationship Id="rId98" Type="http://schemas.openxmlformats.org/officeDocument/2006/relationships/tags" Target="../tags/tag64.xml"/><Relationship Id="rId121" Type="http://schemas.openxmlformats.org/officeDocument/2006/relationships/tags" Target="../tags/tag87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2.xml"/><Relationship Id="rId67" Type="http://schemas.openxmlformats.org/officeDocument/2006/relationships/tags" Target="../tags/tag33.xml"/><Relationship Id="rId116" Type="http://schemas.openxmlformats.org/officeDocument/2006/relationships/tags" Target="../tags/tag82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7.xml"/><Relationship Id="rId62" Type="http://schemas.openxmlformats.org/officeDocument/2006/relationships/tags" Target="../tags/tag28.xml"/><Relationship Id="rId83" Type="http://schemas.openxmlformats.org/officeDocument/2006/relationships/tags" Target="../tags/tag49.xml"/><Relationship Id="rId88" Type="http://schemas.openxmlformats.org/officeDocument/2006/relationships/tags" Target="../tags/tag54.xml"/><Relationship Id="rId111" Type="http://schemas.openxmlformats.org/officeDocument/2006/relationships/tags" Target="../tags/tag77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2.xml"/><Relationship Id="rId57" Type="http://schemas.openxmlformats.org/officeDocument/2006/relationships/tags" Target="../tags/tag23.xml"/><Relationship Id="rId106" Type="http://schemas.openxmlformats.org/officeDocument/2006/relationships/tags" Target="../tags/tag72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18.xml"/><Relationship Id="rId73" Type="http://schemas.openxmlformats.org/officeDocument/2006/relationships/tags" Target="../tags/tag39.xml"/><Relationship Id="rId78" Type="http://schemas.openxmlformats.org/officeDocument/2006/relationships/tags" Target="../tags/tag44.xml"/><Relationship Id="rId94" Type="http://schemas.openxmlformats.org/officeDocument/2006/relationships/tags" Target="../tags/tag60.xml"/><Relationship Id="rId99" Type="http://schemas.openxmlformats.org/officeDocument/2006/relationships/tags" Target="../tags/tag65.xml"/><Relationship Id="rId101" Type="http://schemas.openxmlformats.org/officeDocument/2006/relationships/tags" Target="../tags/tag67.xml"/><Relationship Id="rId122" Type="http://schemas.openxmlformats.org/officeDocument/2006/relationships/tags" Target="../tags/tag88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1.xml"/><Relationship Id="rId3" Type="http://schemas.openxmlformats.org/officeDocument/2006/relationships/slideLayout" Target="../slideLayouts/slideLayout36.xml"/><Relationship Id="rId7" Type="http://schemas.openxmlformats.org/officeDocument/2006/relationships/slideLayout" Target="../slideLayouts/slideLayout40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35.xml"/><Relationship Id="rId1" Type="http://schemas.openxmlformats.org/officeDocument/2006/relationships/slideLayout" Target="../slideLayouts/slideLayout34.xml"/><Relationship Id="rId6" Type="http://schemas.openxmlformats.org/officeDocument/2006/relationships/slideLayout" Target="../slideLayouts/slideLayout39.xml"/><Relationship Id="rId11" Type="http://schemas.openxmlformats.org/officeDocument/2006/relationships/slideLayout" Target="../slideLayouts/slideLayout44.xml"/><Relationship Id="rId5" Type="http://schemas.openxmlformats.org/officeDocument/2006/relationships/slideLayout" Target="../slideLayouts/slideLayout38.xml"/><Relationship Id="rId10" Type="http://schemas.openxmlformats.org/officeDocument/2006/relationships/slideLayout" Target="../slideLayouts/slideLayout43.xml"/><Relationship Id="rId4" Type="http://schemas.openxmlformats.org/officeDocument/2006/relationships/slideLayout" Target="../slideLayouts/slideLayout37.xml"/><Relationship Id="rId9" Type="http://schemas.openxmlformats.org/officeDocument/2006/relationships/slideLayout" Target="../slideLayouts/slideLayout42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2.xml"/><Relationship Id="rId13" Type="http://schemas.openxmlformats.org/officeDocument/2006/relationships/slideLayout" Target="../slideLayouts/slideLayout57.xml"/><Relationship Id="rId3" Type="http://schemas.openxmlformats.org/officeDocument/2006/relationships/slideLayout" Target="../slideLayouts/slideLayout47.xml"/><Relationship Id="rId7" Type="http://schemas.openxmlformats.org/officeDocument/2006/relationships/slideLayout" Target="../slideLayouts/slideLayout51.xml"/><Relationship Id="rId12" Type="http://schemas.openxmlformats.org/officeDocument/2006/relationships/slideLayout" Target="../slideLayouts/slideLayout56.xml"/><Relationship Id="rId17" Type="http://schemas.openxmlformats.org/officeDocument/2006/relationships/image" Target="../media/image11.png"/><Relationship Id="rId2" Type="http://schemas.openxmlformats.org/officeDocument/2006/relationships/slideLayout" Target="../slideLayouts/slideLayout46.xml"/><Relationship Id="rId16" Type="http://schemas.openxmlformats.org/officeDocument/2006/relationships/theme" Target="../theme/theme3.xml"/><Relationship Id="rId1" Type="http://schemas.openxmlformats.org/officeDocument/2006/relationships/slideLayout" Target="../slideLayouts/slideLayout45.xml"/><Relationship Id="rId6" Type="http://schemas.openxmlformats.org/officeDocument/2006/relationships/slideLayout" Target="../slideLayouts/slideLayout50.xml"/><Relationship Id="rId11" Type="http://schemas.openxmlformats.org/officeDocument/2006/relationships/slideLayout" Target="../slideLayouts/slideLayout55.xml"/><Relationship Id="rId5" Type="http://schemas.openxmlformats.org/officeDocument/2006/relationships/slideLayout" Target="../slideLayouts/slideLayout49.xml"/><Relationship Id="rId15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54.xml"/><Relationship Id="rId4" Type="http://schemas.openxmlformats.org/officeDocument/2006/relationships/slideLayout" Target="../slideLayouts/slideLayout48.xml"/><Relationship Id="rId9" Type="http://schemas.openxmlformats.org/officeDocument/2006/relationships/slideLayout" Target="../slideLayouts/slideLayout53.xml"/><Relationship Id="rId14" Type="http://schemas.openxmlformats.org/officeDocument/2006/relationships/slideLayout" Target="../slideLayouts/slideLayout5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48000" y="1944000"/>
            <a:ext cx="10896000" cy="4266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</a:p>
          <a:p>
            <a:pPr lvl="1"/>
            <a:r>
              <a:rPr lang="en-US" noProof="0" dirty="0"/>
              <a:t>Level 2</a:t>
            </a:r>
          </a:p>
          <a:p>
            <a:pPr lvl="2"/>
            <a:r>
              <a:rPr lang="en-US" noProof="0" dirty="0"/>
              <a:t>Level 3</a:t>
            </a:r>
          </a:p>
          <a:p>
            <a:pPr lvl="3"/>
            <a:r>
              <a:rPr lang="en-US" noProof="0" dirty="0"/>
              <a:t>Level 4, Header</a:t>
            </a:r>
          </a:p>
          <a:p>
            <a:pPr lvl="4"/>
            <a:r>
              <a:rPr lang="en-US" noProof="0" dirty="0"/>
              <a:t>Level 5, Body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, Small Header</a:t>
            </a:r>
          </a:p>
          <a:p>
            <a:pPr lvl="7"/>
            <a:r>
              <a:rPr lang="en-US" noProof="0" dirty="0"/>
              <a:t>Level 8, Small Body</a:t>
            </a:r>
          </a:p>
          <a:p>
            <a:pPr lvl="8"/>
            <a:r>
              <a:rPr lang="en-US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6000" cy="129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48000" y="324000"/>
            <a:ext cx="1920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892712" y="323850"/>
            <a:ext cx="4162138" cy="1260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24000" y="324000"/>
            <a:ext cx="324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78D69B5-2783-4637-A949-A867EE4EFE6B}"/>
              </a:ext>
            </a:extLst>
          </p:cNvPr>
          <p:cNvSpPr txBox="1"/>
          <p:nvPr userDrawn="1"/>
        </p:nvSpPr>
        <p:spPr>
          <a:xfrm>
            <a:off x="11218069" y="324000"/>
            <a:ext cx="648494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US" sz="700" dirty="0">
                <a:solidFill>
                  <a:schemeClr val="tx2"/>
                </a:solidFill>
              </a:rPr>
              <a:t>Novo Nordisk</a:t>
            </a:r>
            <a:r>
              <a:rPr lang="en-US" sz="700" baseline="30000" dirty="0">
                <a:solidFill>
                  <a:schemeClr val="tx2"/>
                </a:solidFill>
              </a:rPr>
              <a:t>®</a:t>
            </a:r>
          </a:p>
        </p:txBody>
      </p:sp>
      <p:sp>
        <p:nvSpPr>
          <p:cNvPr id="4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25.51181&lt;/Left&gt;&#10;      &lt;Top&gt;25.51181&lt;/Top&gt;&#10;      &lt;Width&gt;25.51181&lt;/Width&gt;&#10;      &lt;Height&gt;25.51181&lt;/Height&gt;&#10;    &lt;/SubGrid&gt;&#10;    &lt;SubGrid&gt;&#10;      &lt;Left&gt;51.02362&lt;/Left&gt;&#10;      &lt;Top&gt;25.51181&lt;/Top&gt;&#10;      &lt;Width&gt;151.1811&lt;/Width&gt;&#10;      &lt;Height&gt;25.51181&lt;/Height&gt;&#10;    &lt;/SubGrid&gt;&#10;    &lt;SubGrid&gt;&#10;      &lt;Left&gt;202.204727&lt;/Left&gt;&#10;      &lt;Top&gt;25.51181&lt;/Top&gt;&#10;      &lt;Width&gt;25.51181&lt;/Width&gt;&#10;      &lt;Height&gt;25.51181&lt;/Height&gt;&#10;    &lt;/SubGrid&gt;&#10;    &lt;SubGrid&gt;&#10;      &lt;Left&gt;227.716537&lt;/Left&gt;&#10;      &lt;Top&gt;25.51181&lt;/Top&gt;&#10;      &lt;Width&gt;151.1811&lt;/Width&gt;&#10;      &lt;Height&gt;25.51181&lt;/Height&gt;&#10;    &lt;/SubGrid&gt;&#10;    &lt;SubGrid&gt;&#10;      &lt;Left&gt;378.897644&lt;/Left&gt;&#10;      &lt;Top&gt;25.51181&lt;/Top&gt;&#10;      &lt;Width&gt;25.51181&lt;/Width&gt;&#10;      &lt;Height&gt;25.51181&lt;/Height&gt;&#10;    &lt;/SubGrid&gt;&#10;    &lt;SubGrid&gt;&#10;      &lt;Left&gt;404.409454&lt;/Left&gt;&#10;      &lt;Top&gt;25.51181&lt;/Top&gt;&#10;      &lt;Width&gt;151.1811&lt;/Width&gt;&#10;      &lt;Height&gt;25.51181&lt;/Height&gt;&#10;    &lt;/SubGrid&gt;&#10;    &lt;SubGrid&gt;&#10;      &lt;Left&gt;555.5906&lt;/Left&gt;&#10;      &lt;Top&gt;25.51181&lt;/Top&gt;&#10;      &lt;Width&gt;25.51181&lt;/Width&gt;&#10;      &lt;Height&gt;25.51181&lt;/Height&gt;&#10;    &lt;/SubGrid&gt;&#10;    &lt;SubGrid&gt;&#10;      &lt;Left&gt;581.102356&lt;/Left&gt;&#10;      &lt;Top&gt;25.51181&lt;/Top&gt;&#10;      &lt;Width&gt;151.1811&lt;/Width&gt;&#10;      &lt;Height&gt;25.51181&lt;/Height&gt;&#10;    &lt;/SubGrid&gt;&#10;    &lt;SubGrid&gt;&#10;      &lt;Left&gt;732.283447&lt;/Left&gt;&#10;      &lt;Top&gt;25.51181&lt;/Top&gt;&#10;      &lt;Width&gt;25.51181&lt;/Width&gt;&#10;      &lt;Height&gt;25.51181&lt;/Height&gt;&#10;    &lt;/SubGrid&gt;&#10;    &lt;SubGrid&gt;&#10;      &lt;Left&gt;757.7953&lt;/Left&gt;&#10;      &lt;Top&gt;25.51181&lt;/Top&gt;&#10;      &lt;Width&gt;151.1811&lt;/Width&gt;&#10;      &lt;Height&gt;25.51181&lt;/Height&gt;&#10;    &lt;/SubGrid&gt;&#10;    &lt;SubGrid&gt;&#10;      &lt;Left&gt;908.9764&lt;/Left&gt;&#10;      &lt;Top&gt;25.51181&lt;/Top&gt;&#10;      &lt;Width&gt;25.51181&lt;/Width&gt;&#10;      &lt;Height&gt;25.51181&lt;/Height&gt;&#10;    &lt;/SubGrid&gt;&#10;    &lt;SubGrid&gt;&#10;      &lt;Left&gt;25.51181&lt;/Left&gt;&#10;      &lt;Top&gt;218.976379&lt;/Top&gt;&#10;      &lt;Width&gt;25.51181&lt;/Width&gt;&#10;      &lt;Height&gt;25.51181&lt;/Height&gt;&#10;    &lt;/SubGrid&gt;&#10;    &lt;SubGrid&gt;&#10;      &lt;Left&gt;25.51181&lt;/Left&gt;&#10;      &lt;Top&gt;244.48819&lt;/Top&gt;&#10;      &lt;Width&gt;25.51181&lt;/Width&gt;&#10;      &lt;Height&gt;25.51181&lt;/Height&gt;&#10;    &lt;/SubGrid&gt;&#10;    &lt;SubGrid&gt;&#10;      &lt;Left&gt;25.51181&lt;/Left&gt;&#10;      &lt;Top&gt;270&lt;/Top&gt;&#10;      &lt;Width&gt;25.51181&lt;/Width&gt;&#10;      &lt;Height&gt;25.51181&lt;/Height&gt;&#10;    &lt;/SubGrid&gt;&#10;    &lt;SubGrid&gt;&#10;      &lt;Left&gt;25.51181&lt;/Left&gt;&#10;      &lt;Top&gt;295.5118&lt;/Top&gt;&#10;      &lt;Width&gt;25.51181&lt;/Width&gt;&#10;      &lt;Height&gt;25.51181&lt;/Height&gt;&#10;    &lt;/SubGrid&gt;&#10;    &lt;SubGrid&gt;&#10;      &lt;Left&gt;51.02362&lt;/Left&gt;&#10;      &lt;Top&gt;295.5118&lt;/Top&gt;&#10;      &lt;Width&gt;151.1811&lt;/Width&gt;&#10;      &lt;Height&gt;25.51181&lt;/Height&gt;&#10;    &lt;/SubGrid&gt;&#10;    &lt;SubGrid&gt;&#10;      &lt;Left&gt;202.204727&lt;/Left&gt;&#10;      &lt;Top&gt;295.5118&lt;/Top&gt;&#10;      &lt;Width&gt;25.51181&lt;/Width&gt;&#10;      &lt;Height&gt;25.51181&lt;/Height&gt;&#10;    &lt;/SubGrid&gt;&#10;    &lt;SubGrid&gt;&#10;      &lt;Left&gt;51.02362&lt;/Left&gt;&#10;      &lt;Top&gt;270&lt;/Top&gt;&#10;      &lt;Width&gt;151.1811&lt;/Width&gt;&#10;      &lt;Height&gt;25.51181&lt;/Height&gt;&#10;    &lt;/SubGrid&gt;&#10;    &lt;SubGrid&gt;&#10;      &lt;Left&gt;202.204727&lt;/Left&gt;&#10;      &lt;Top&gt;270&lt;/Top&gt;&#10;      &lt;Width&gt;25.51181&lt;/Width&gt;&#10;      &lt;Height&gt;25.51181&lt;/Height&gt;&#10;    &lt;/SubGrid&gt;&#10;    &lt;SubGrid&gt;&#10;      &lt;Left&gt;51.02362&lt;/Left&gt;&#10;      &lt;Top&gt;244.48819&lt;/Top&gt;&#10;      &lt;Width&gt;151.1811&lt;/Width&gt;&#10;      &lt;Height&gt;25.51181&lt;/Height&gt;&#10;    &lt;/SubGrid&gt;&#10;    &lt;SubGrid&gt;&#10;      &lt;Left&gt;202.204727&lt;/Left&gt;&#10;      &lt;Top&gt;244.48819&lt;/Top&gt;&#10;      &lt;Width&gt;25.51181&lt;/Width&gt;&#10;      &lt;Height&gt;25.51181&lt;/Height&gt;&#10;    &lt;/SubGrid&gt;&#10;    &lt;SubGrid&gt;&#10;      &lt;Left&gt;51.02362&lt;/Left&gt;&#10;      &lt;Top&gt;218.976379&lt;/Top&gt;&#10;      &lt;Width&gt;151.1811&lt;/Width&gt;&#10;      &lt;Height&gt;25.51181&lt;/Height&gt;&#10;    &lt;/SubGrid&gt;&#10;    &lt;SubGrid&gt;&#10;      &lt;Left&gt;202.204727&lt;/Left&gt;&#10;      &lt;Top&gt;218.976379&lt;/Top&gt;&#10;      &lt;Width&gt;25.51181&lt;/Width&gt;&#10;      &lt;Height&gt;25.51181&lt;/Height&gt;&#10;    &lt;/SubGrid&gt;&#10;    &lt;SubGrid&gt;&#10;      &lt;Left&gt;25.51181&lt;/Left&gt;&#10;      &lt;Top&gt;488.976379&lt;/Top&gt;&#10;      &lt;Width&gt;25.51181&lt;/Width&gt;&#10;      &lt;Height&gt;25.51181&lt;/Height&gt;&#10;    &lt;/SubGrid&gt;&#10;    &lt;SubGrid&gt;&#10;      &lt;Left&gt;51.02362&lt;/Left&gt;&#10;      &lt;Top&gt;488.976379&lt;/Top&gt;&#10;      &lt;Width&gt;151.1811&lt;/Width&gt;&#10;      &lt;Height&gt;25.51181&lt;/Height&gt;&#10;    &lt;/SubGrid&gt;&#10;    &lt;SubGrid&gt;&#10;      &lt;Left&gt;202.204727&lt;/Left&gt;&#10;      &lt;Top&gt;488.976379&lt;/Top&gt;&#10;      &lt;Width&gt;25.51181&lt;/Width&gt;&#10;      &lt;Height&gt;25.51181&lt;/Height&gt;&#10;    &lt;/SubGrid&gt;&#10;    &lt;SubGrid&gt;&#10;      &lt;Left&gt;227.716537&lt;/Left&gt;&#10;      &lt;Top&gt;488.976379&lt;/Top&gt;&#10;      &lt;Width&gt;151.1811&lt;/Width&gt;&#10;      &lt;Height&gt;25.51181&lt;/Height&gt;&#10;    &lt;/SubGrid&gt;&#10;    &lt;SubGrid&gt;&#10;      &lt;Left&gt;378.897644&lt;/Left&gt;&#10;      &lt;Top&gt;488.976379&lt;/Top&gt;&#10;      &lt;Width&gt;25.51181&lt;/Width&gt;&#10;      &lt;Height&gt;25.51181&lt;/Height&gt;&#10;    &lt;/SubGrid&gt;&#10;    &lt;SubGrid&gt;&#10;      &lt;Left&gt;404.409454&lt;/Left&gt;&#10;      &lt;Top&gt;488.976379&lt;/Top&gt;&#10;      &lt;Width&gt;151.1811&lt;/Width&gt;&#10;      &lt;Height&gt;25.51181&lt;/Height&gt;&#10;    &lt;/SubGrid&gt;&#10;    &lt;SubGrid&gt;&#10;      &lt;Left&gt;555.5906&lt;/Left&gt;&#10;      &lt;Top&gt;488.976379&lt;/Top&gt;&#10;      &lt;Width&gt;25.51181&lt;/Width&gt;&#10;      &lt;Height&gt;25.51181&lt;/Height&gt;&#10;    &lt;/SubGrid&gt;&#10;    &lt;SubGrid&gt;&#10;      &lt;Left&gt;581.102356&lt;/Left&gt;&#10;      &lt;Top&gt;488.976379&lt;/Top&gt;&#10;      &lt;Width&gt;151.1811&lt;/Width&gt;&#10;      &lt;Height&gt;25.51181&lt;/Height&gt;&#10;    &lt;/SubGrid&gt;&#10;    &lt;SubGrid&gt;&#10;      &lt;Left&gt;732.283447&lt;/Left&gt;&#10;      &lt;Top&gt;488.976379&lt;/Top&gt;&#10;      &lt;Width&gt;25.51181&lt;/Width&gt;&#10;      &lt;Height&gt;25.51181&lt;/Height&gt;&#10;    &lt;/SubGrid&gt;&#10;    &lt;SubGrid&gt;&#10;      &lt;Left&gt;757.7953&lt;/Left&gt;&#10;      &lt;Top&gt;488.976379&lt;/Top&gt;&#10;      &lt;Width&gt;151.1811&lt;/Width&gt;&#10;      &lt;Height&gt;25.51181&lt;/Height&gt;&#10;    &lt;/SubGrid&gt;&#10;    &lt;SubGrid&gt;&#10;      &lt;Left&gt;908.9764&lt;/Left&gt;&#10;      &lt;Top&gt;488.976379&lt;/Top&gt;&#10;      &lt;Width&gt;25.51181&lt;/Width&gt;&#10;      &lt;Height&gt;25.51181&lt;/Height&gt;&#10;    &lt;/SubGrid&gt;&#10;    &lt;SubGrid&gt;&#10;      &lt;Left&gt;227.716537&lt;/Left&gt;&#10;      &lt;Top&gt;295.5118&lt;/Top&gt;&#10;      &lt;Width&gt;151.1811&lt;/Width&gt;&#10;      &lt;Height&gt;25.51181&lt;/Height&gt;&#10;    &lt;/SubGrid&gt;&#10;    &lt;SubGrid&gt;&#10;      &lt;Left&gt;378.897644&lt;/Left&gt;&#10;      &lt;Top&gt;295.5118&lt;/Top&gt;&#10;      &lt;Width&gt;25.51181&lt;/Width&gt;&#10;      &lt;Height&gt;25.51181&lt;/Height&gt;&#10;    &lt;/SubGrid&gt;&#10;    &lt;SubGrid&gt;&#10;      &lt;Left&gt;227.716537&lt;/Left&gt;&#10;      &lt;Top&gt;270&lt;/Top&gt;&#10;      &lt;Width&gt;151.1811&lt;/Width&gt;&#10;      &lt;Height&gt;25.51181&lt;/Height&gt;&#10;    &lt;/SubGrid&gt;&#10;    &lt;SubGrid&gt;&#10;      &lt;Left&gt;378.897644&lt;/Left&gt;&#10;      &lt;Top&gt;270&lt;/Top&gt;&#10;      &lt;Width&gt;25.51181&lt;/Width&gt;&#10;      &lt;Height&gt;25.51181&lt;/Height&gt;&#10;    &lt;/SubGrid&gt;&#10;    &lt;SubGrid&gt;&#10;      &lt;Left&gt;227.716537&lt;/Left&gt;&#10;      &lt;Top&gt;244.48819&lt;/Top&gt;&#10;      &lt;Width&gt;151.1811&lt;/Width&gt;&#10;      &lt;Height&gt;25.51181&lt;/Height&gt;&#10;    &lt;/SubGrid&gt;&#10;    &lt;SubGrid&gt;&#10;      &lt;Left&gt;378.897644&lt;/Left&gt;&#10;      &lt;Top&gt;244.48819&lt;/Top&gt;&#10;      &lt;Width&gt;25.51181&lt;/Width&gt;&#10;      &lt;Height&gt;25.51181&lt;/Height&gt;&#10;    &lt;/SubGrid&gt;&#10;    &lt;SubGrid&gt;&#10;      &lt;Left&gt;227.716537&lt;/Left&gt;&#10;      &lt;Top&gt;218.976379&lt;/Top&gt;&#10;      &lt;Width&gt;151.1811&lt;/Width&gt;&#10;      &lt;Height&gt;25.51181&lt;/Height&gt;&#10;    &lt;/SubGrid&gt;&#10;    &lt;SubGrid&gt;&#10;      &lt;Left&gt;378.897644&lt;/Left&gt;&#10;      &lt;Top&gt;218.976379&lt;/Top&gt;&#10;      &lt;Width&gt;25.51181&lt;/Width&gt;&#10;      &lt;Height&gt;25.51181&lt;/Height&gt;&#10;    &lt;/SubGrid&gt;&#10;    &lt;SubGrid&gt;&#10;      &lt;Left&gt;404.409454&lt;/Left&gt;&#10;      &lt;Top&gt;295.5118&lt;/Top&gt;&#10;      &lt;Width&gt;151.1811&lt;/Width&gt;&#10;      &lt;Height&gt;25.51181&lt;/Height&gt;&#10;    &lt;/SubGrid&gt;&#10;    &lt;SubGrid&gt;&#10;      &lt;Left&gt;555.5906&lt;/Left&gt;&#10;      &lt;Top&gt;295.5118&lt;/Top&gt;&#10;      &lt;Width&gt;25.51181&lt;/Width&gt;&#10;      &lt;Height&gt;25.51181&lt;/Height&gt;&#10;    &lt;/SubGrid&gt;&#10;    &lt;SubGrid&gt;&#10;      &lt;Left&gt;404.409454&lt;/Left&gt;&#10;      &lt;Top&gt;270&lt;/Top&gt;&#10;      &lt;Width&gt;151.1811&lt;/Width&gt;&#10;      &lt;Height&gt;25.51181&lt;/Height&gt;&#10;    &lt;/SubGrid&gt;&#10;    &lt;SubGrid&gt;&#10;      &lt;Left&gt;555.5906&lt;/Left&gt;&#10;      &lt;Top&gt;270&lt;/Top&gt;&#10;      &lt;Width&gt;25.51181&lt;/Width&gt;&#10;      &lt;Height&gt;25.51181&lt;/Height&gt;&#10;    &lt;/SubGrid&gt;&#10;    &lt;SubGrid&gt;&#10;      &lt;Left&gt;404.409454&lt;/Left&gt;&#10;      &lt;Top&gt;244.48819&lt;/Top&gt;&#10;      &lt;Width&gt;151.1811&lt;/Width&gt;&#10;      &lt;Height&gt;25.51181&lt;/Height&gt;&#10;    &lt;/SubGrid&gt;&#10;    &lt;SubGrid&gt;&#10;      &lt;Left&gt;555.5906&lt;/Left&gt;&#10;      &lt;Top&gt;244.48819&lt;/Top&gt;&#10;      &lt;Width&gt;25.51181&lt;/Width&gt;&#10;      &lt;Height&gt;25.51181&lt;/Height&gt;&#10;    &lt;/SubGrid&gt;&#10;    &lt;SubGrid&gt;&#10;      &lt;Left&gt;404.409454&lt;/Left&gt;&#10;      &lt;Top&gt;218.976379&lt;/Top&gt;&#10;      &lt;Width&gt;151.1811&lt;/Width&gt;&#10;      &lt;Height&gt;25.51181&lt;/Height&gt;&#10;    &lt;/SubGrid&gt;&#10;    &lt;SubGrid&gt;&#10;      &lt;Left&gt;555.5906&lt;/Left&gt;&#10;      &lt;Top&gt;218.976379&lt;/Top&gt;&#10;      &lt;Width&gt;25.51181&lt;/Width&gt;&#10;      &lt;Height&gt;25.51181&lt;/Height&gt;&#10;    &lt;/SubGrid&gt;&#10;    &lt;SubGrid&gt;&#10;      &lt;Left&gt;581.102356&lt;/Left&gt;&#10;      &lt;Top&gt;295.5118&lt;/Top&gt;&#10;      &lt;Width&gt;151.1811&lt;/Width&gt;&#10;      &lt;Height&gt;25.51181&lt;/Height&gt;&#10;    &lt;/SubGrid&gt;&#10;    &lt;SubGrid&gt;&#10;      &lt;Left&gt;732.283447&lt;/Left&gt;&#10;      &lt;Top&gt;295.5118&lt;/Top&gt;&#10;      &lt;Width&gt;25.51181&lt;/Width&gt;&#10;      &lt;Height&gt;25.51181&lt;/Height&gt;&#10;    &lt;/SubGrid&gt;&#10;    &lt;SubGrid&gt;&#10;      &lt;Left&gt;581.102356&lt;/Left&gt;&#10;      &lt;Top&gt;270&lt;/Top&gt;&#10;      &lt;Width&gt;151.1811&lt;/Width&gt;&#10;      &lt;Height&gt;25.51181&lt;/Height&gt;&#10;    &lt;/SubGrid&gt;&#10;    &lt;SubGrid&gt;&#10;      &lt;Left&gt;732.283447&lt;/Left&gt;&#10;      &lt;Top&gt;270&lt;/Top&gt;&#10;      &lt;Width&gt;25.51181&lt;/Width&gt;&#10;      &lt;Height&gt;25.51181&lt;/Height&gt;&#10;    &lt;/SubGrid&gt;&#10;    &lt;SubGrid&gt;&#10;      &lt;Left&gt;581.102356&lt;/Left&gt;&#10;      &lt;Top&gt;244.48819&lt;/Top&gt;&#10;      &lt;Width&gt;151.1811&lt;/Width&gt;&#10;      &lt;Height&gt;25.51181&lt;/Height&gt;&#10;    &lt;/SubGrid&gt;&#10;    &lt;SubGrid&gt;&#10;      &lt;Left&gt;732.283447&lt;/Left&gt;&#10;      &lt;Top&gt;244.48819&lt;/Top&gt;&#10;      &lt;Width&gt;25.51181&lt;/Width&gt;&#10;      &lt;Height&gt;25.51181&lt;/Height&gt;&#10;    &lt;/SubGrid&gt;&#10;    &lt;SubGrid&gt;&#10;      &lt;Left&gt;581.102356&lt;/Left&gt;&#10;      &lt;Top&gt;218.976379&lt;/Top&gt;&#10;      &lt;Width&gt;151.1811&lt;/Width&gt;&#10;      &lt;Height&gt;25.51181&lt;/Height&gt;&#10;    &lt;/SubGrid&gt;&#10;    &lt;SubGrid&gt;&#10;      &lt;Left&gt;732.283447&lt;/Left&gt;&#10;      &lt;Top&gt;218.976379&lt;/Top&gt;&#10;      &lt;Width&gt;25.51181&lt;/Width&gt;&#10;      &lt;Height&gt;25.51181&lt;/Height&gt;&#10;    &lt;/SubGrid&gt;&#10;    &lt;SubGrid&gt;&#10;      &lt;Left&gt;757.7953&lt;/Left&gt;&#10;      &lt;Top&gt;295.5118&lt;/Top&gt;&#10;      &lt;Width&gt;151.1811&lt;/Width&gt;&#10;      &lt;Height&gt;25.51181&lt;/Height&gt;&#10;    &lt;/SubGrid&gt;&#10;    &lt;SubGrid&gt;&#10;      &lt;Left&gt;908.9764&lt;/Left&gt;&#10;      &lt;Top&gt;295.5118&lt;/Top&gt;&#10;      &lt;Width&gt;25.51181&lt;/Width&gt;&#10;      &lt;Height&gt;25.51181&lt;/Height&gt;&#10;    &lt;/SubGrid&gt;&#10;    &lt;SubGrid&gt;&#10;      &lt;Left&gt;757.7953&lt;/Left&gt;&#10;      &lt;Top&gt;270&lt;/Top&gt;&#10;      &lt;Width&gt;151.1811&lt;/Width&gt;&#10;      &lt;Height&gt;25.51181&lt;/Height&gt;&#10;    &lt;/SubGrid&gt;&#10;    &lt;SubGrid&gt;&#10;      &lt;Left&gt;908.9764&lt;/Left&gt;&#10;      &lt;Top&gt;270&lt;/Top&gt;&#10;      &lt;Width&gt;25.51181&lt;/Width&gt;&#10;      &lt;Height&gt;25.51181&lt;/Height&gt;&#10;    &lt;/SubGrid&gt;&#10;    &lt;SubGrid&gt;&#10;      &lt;Left&gt;757.7953&lt;/Left&gt;&#10;      &lt;Top&gt;244.48819&lt;/Top&gt;&#10;      &lt;Width&gt;151.1811&lt;/Width&gt;&#10;      &lt;Height&gt;25.51181&lt;/Height&gt;&#10;    &lt;/SubGrid&gt;&#10;    &lt;SubGrid&gt;&#10;      &lt;Left&gt;908.9764&lt;/Left&gt;&#10;      &lt;Top&gt;244.48819&lt;/Top&gt;&#10;      &lt;Width&gt;25.51181&lt;/Width&gt;&#10;      &lt;Height&gt;25.51181&lt;/Height&gt;&#10;    &lt;/SubGrid&gt;&#10;    &lt;SubGrid&gt;&#10;      &lt;Left&gt;757.7953&lt;/Left&gt;&#10;      &lt;Top&gt;218.976379&lt;/Top&gt;&#10;      &lt;Width&gt;151.1811&lt;/Width&gt;&#10;      &lt;Height&gt;25.51181&lt;/Height&gt;&#10;    &lt;/SubGrid&gt;&#10;    &lt;SubGrid&gt;&#10;      &lt;Left&gt;908.9764&lt;/Left&gt;&#10;      &lt;Top&gt;218.976379&lt;/Top&gt;&#10;      &lt;Width&gt;25.51181&lt;/Width&gt;&#10;      &lt;Height&gt;25.51181&lt;/Height&gt;&#10;    &lt;/SubGrid&gt;&#10;    &lt;SubGrid&gt;&#10;      &lt;Left&gt;25.51181&lt;/Left&gt;&#10;      &lt;Top&gt;51.02362&lt;/Top&gt;&#10;      &lt;Width&gt;25.51181&lt;/Width&gt;&#10;      &lt;Height&gt;167.952759&lt;/Height&gt;&#10;    &lt;/SubGrid&gt;&#10;    &lt;SubGrid&gt;&#10;      &lt;Left&gt;202.204727&lt;/Left&gt;&#10;      &lt;Top&gt;51.02362&lt;/Top&gt;&#10;      &lt;Width&gt;25.51181&lt;/Width&gt;&#10;      &lt;Height&gt;167.952759&lt;/Height&gt;&#10;    &lt;/SubGrid&gt;&#10;    &lt;SubGrid&gt;&#10;      &lt;Left&gt;378.897644&lt;/Left&gt;&#10;      &lt;Top&gt;51.02362&lt;/Top&gt;&#10;      &lt;Width&gt;25.51181&lt;/Width&gt;&#10;      &lt;Height&gt;167.952759&lt;/Height&gt;&#10;    &lt;/SubGrid&gt;&#10;    &lt;SubGrid&gt;&#10;      &lt;Left&gt;555.5906&lt;/Left&gt;&#10;      &lt;Top&gt;51.02362&lt;/Top&gt;&#10;      &lt;Width&gt;25.51181&lt;/Width&gt;&#10;      &lt;Height&gt;167.952759&lt;/Height&gt;&#10;    &lt;/SubGrid&gt;&#10;    &lt;SubGrid&gt;&#10;      &lt;Left&gt;732.283447&lt;/Left&gt;&#10;      &lt;Top&gt;51.02362&lt;/Top&gt;&#10;      &lt;Width&gt;25.51181&lt;/Width&gt;&#10;      &lt;Height&gt;167.952759&lt;/Height&gt;&#10;    &lt;/SubGrid&gt;&#10;    &lt;SubGrid&gt;&#10;      &lt;Left&gt;908.9764&lt;/Left&gt;&#10;      &lt;Top&gt;51.02362&lt;/Top&gt;&#10;      &lt;Width&gt;25.51181&lt;/Width&gt;&#10;      &lt;Height&gt;167.952759&lt;/Height&gt;&#10;    &lt;/SubGrid&gt;&#10;    &lt;SubGrid&gt;&#10;      &lt;Left&gt;25.51181&lt;/Left&gt;&#10;      &lt;Top&gt;321.023621&lt;/Top&gt;&#10;      &lt;Width&gt;25.51181&lt;/Width&gt;&#10;      &lt;Height&gt;167.952759&lt;/Height&gt;&#10;    &lt;/SubGrid&gt;&#10;    &lt;SubGrid&gt;&#10;      &lt;Left&gt;202.204727&lt;/Left&gt;&#10;      &lt;Top&gt;321.023621&lt;/Top&gt;&#10;      &lt;Width&gt;25.51181&lt;/Width&gt;&#10;      &lt;Height&gt;167.952759&lt;/Height&gt;&#10;    &lt;/SubGrid&gt;&#10;    &lt;SubGrid&gt;&#10;      &lt;Left&gt;378.897644&lt;/Left&gt;&#10;      &lt;Top&gt;321.023621&lt;/Top&gt;&#10;      &lt;Width&gt;25.51181&lt;/Width&gt;&#10;      &lt;Height&gt;167.952759&lt;/Height&gt;&#10;    &lt;/SubGrid&gt;&#10;    &lt;SubGrid&gt;&#10;      &lt;Left&gt;555.5906&lt;/Left&gt;&#10;      &lt;Top&gt;321.023621&lt;/Top&gt;&#10;      &lt;Width&gt;25.51181&lt;/Width&gt;&#10;      &lt;Height&gt;167.952759&lt;/Height&gt;&#10;    &lt;/SubGrid&gt;&#10;    &lt;SubGrid&gt;&#10;      &lt;Left&gt;732.283447&lt;/Left&gt;&#10;      &lt;Top&gt;321.023621&lt;/Top&gt;&#10;      &lt;Width&gt;25.51181&lt;/Width&gt;&#10;      &lt;Height&gt;167.952759&lt;/Height&gt;&#10;    &lt;/SubGrid&gt;&#10;    &lt;SubGrid&gt;&#10;      &lt;Left&gt;908.9764&lt;/Left&gt;&#10;      &lt;Top&gt;321.023621&lt;/Top&gt;&#10;      &lt;Width&gt;25.51181&lt;/Width&gt;&#10;      &lt;Height&gt;167.952759&lt;/Height&gt;&#10;    &lt;/SubGrid&gt;&#10;    &lt;SubGrid&gt;&#10;      &lt;Left&gt;51.02362&lt;/Left&gt;&#10;      &lt;Top&gt;51.02362&lt;/Top&gt;&#10;      &lt;Width&gt;151.1811&lt;/Width&gt;&#10;      &lt;Height&gt;167.952759&lt;/Height&gt;&#10;    &lt;/SubGrid&gt;&#10;    &lt;SubGrid&gt;&#10;      &lt;Left&gt;227.716537&lt;/Left&gt;&#10;      &lt;Top&gt;51.02362&lt;/Top&gt;&#10;      &lt;Width&gt;151.1811&lt;/Width&gt;&#10;      &lt;Height&gt;167.952759&lt;/Height&gt;&#10;    &lt;/SubGrid&gt;&#10;    &lt;SubGrid&gt;&#10;      &lt;Left&gt;404.409454&lt;/Left&gt;&#10;      &lt;Top&gt;51.02362&lt;/Top&gt;&#10;      &lt;Width&gt;151.1811&lt;/Width&gt;&#10;      &lt;Height&gt;167.952759&lt;/Height&gt;&#10;    &lt;/SubGrid&gt;&#10;    &lt;SubGrid&gt;&#10;      &lt;Left&gt;581.102356&lt;/Left&gt;&#10;      &lt;Top&gt;51.02362&lt;/Top&gt;&#10;      &lt;Width&gt;151.1811&lt;/Width&gt;&#10;      &lt;Height&gt;167.952759&lt;/Height&gt;&#10;    &lt;/SubGrid&gt;&#10;    &lt;SubGrid&gt;&#10;      &lt;Left&gt;757.7953&lt;/Left&gt;&#10;      &lt;Top&gt;51.02362&lt;/Top&gt;&#10;      &lt;Width&gt;151.1811&lt;/Width&gt;&#10;      &lt;Height&gt;167.952759&lt;/Height&gt;&#10;    &lt;/SubGrid&gt;&#10;    &lt;SubGrid&gt;&#10;      &lt;Left&gt;51.02362&lt;/Left&gt;&#10;      &lt;Top&gt;321.023621&lt;/Top&gt;&#10;      &lt;Width&gt;151.1811&lt;/Width&gt;&#10;      &lt;Height&gt;167.952759&lt;/Height&gt;&#10;    &lt;/SubGrid&gt;&#10;    &lt;SubGrid&gt;&#10;      &lt;Left&gt;227.716537&lt;/Left&gt;&#10;      &lt;Top&gt;321.023621&lt;/Top&gt;&#10;      &lt;Width&gt;151.1811&lt;/Width&gt;&#10;      &lt;Height&gt;167.952759&lt;/Height&gt;&#10;    &lt;/SubGrid&gt;&#10;    &lt;SubGrid&gt;&#10;      &lt;Left&gt;404.409454&lt;/Left&gt;&#10;      &lt;Top&gt;321.023621&lt;/Top&gt;&#10;      &lt;Width&gt;151.1811&lt;/Width&gt;&#10;      &lt;Height&gt;167.952759&lt;/Height&gt;&#10;    &lt;/SubGrid&gt;&#10;    &lt;SubGrid&gt;&#10;      &lt;Left&gt;581.102356&lt;/Left&gt;&#10;      &lt;Top&gt;321.023621&lt;/Top&gt;&#10;      &lt;Width&gt;151.1811&lt;/Width&gt;&#10;      &lt;Height&gt;167.952759&lt;/Height&gt;&#10;    &lt;/SubGrid&gt;&#10;    &lt;SubGrid&gt;&#10;      &lt;Left&gt;757.7953&lt;/Left&gt;&#10;      &lt;Top&gt;321.023621&lt;/Top&gt;&#10;      &lt;Width&gt;151.1811&lt;/Width&gt;&#10;      &lt;Height&gt;167.952759&lt;/Height&gt;&#10;    &lt;/SubGrid&gt;&#10;  &lt;/SubGrids&gt;&#10;  &lt;WorkArea&gt;&#10;    &lt;Top&gt;25.51181&lt;/Top&gt;&#10;    &lt;Left&gt;25.51181&lt;/Left&gt;&#10;    &lt;Width&gt;908.9764&lt;/Width&gt;&#10;    &lt;Height&gt;488.976379&lt;/Height&gt;&#10;  &lt;/WorkArea&gt;&#10;  &lt;AspectW&gt;-1&lt;/AspectW&gt;&#10;  &lt;AspectH&gt;-1&lt;/AspectH&gt;&#10;  &lt;Width&gt;960&lt;/Width&gt;&#10;  &lt;Height&gt;540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F5F0A4E1-4330-49F4-88F5-A83195F8511C}"/>
              </a:ext>
            </a:extLst>
          </p:cNvPr>
          <p:cNvSpPr/>
          <p:nvPr userDrawn="1"/>
        </p:nvSpPr>
        <p:spPr>
          <a:xfrm>
            <a:off x="324000" y="324000"/>
            <a:ext cx="11544000" cy="6210000"/>
          </a:xfrm>
          <a:prstGeom prst="rect">
            <a:avLst/>
          </a:prstGeom>
          <a:solidFill>
            <a:srgbClr val="E6E6E6"/>
          </a:solidFill>
          <a:ln w="31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F30BD45F-E3FD-4877-8E01-D258D6C49ED2}"/>
              </a:ext>
            </a:extLst>
          </p:cNvPr>
          <p:cNvSpPr/>
          <p:nvPr userDrawn="1">
            <p:custDataLst>
              <p:tags r:id="rId35"/>
            </p:custDataLst>
          </p:nvPr>
        </p:nvSpPr>
        <p:spPr>
          <a:xfrm>
            <a:off x="32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61F8F4EB-98F9-49C6-AD23-0434FEEA7DAD}"/>
              </a:ext>
            </a:extLst>
          </p:cNvPr>
          <p:cNvSpPr/>
          <p:nvPr userDrawn="1">
            <p:custDataLst>
              <p:tags r:id="rId36"/>
            </p:custDataLst>
          </p:nvPr>
        </p:nvSpPr>
        <p:spPr>
          <a:xfrm>
            <a:off x="648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5461F43A-D29F-4117-83B4-78ECC6A90694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2568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3885B838-2022-4A1F-A84B-BB1127E2EE43}"/>
              </a:ext>
            </a:extLst>
          </p:cNvPr>
          <p:cNvSpPr/>
          <p:nvPr userDrawn="1">
            <p:custDataLst>
              <p:tags r:id="rId38"/>
            </p:custDataLst>
          </p:nvPr>
        </p:nvSpPr>
        <p:spPr>
          <a:xfrm>
            <a:off x="2892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2" name="Rectangle 11" hidden="1">
            <a:extLst>
              <a:ext uri="{FF2B5EF4-FFF2-40B4-BE49-F238E27FC236}">
                <a16:creationId xmlns:a16="http://schemas.microsoft.com/office/drawing/2014/main" id="{AC6417FB-6B96-4CAA-9A61-CE3C85379335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4812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88F2338E-050E-4997-B5FD-16609E6B05AC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5136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5330914-84C1-4EFF-8088-9FF9153B21A3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7056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Rectangle 14" hidden="1">
            <a:extLst>
              <a:ext uri="{FF2B5EF4-FFF2-40B4-BE49-F238E27FC236}">
                <a16:creationId xmlns:a16="http://schemas.microsoft.com/office/drawing/2014/main" id="{0D9F1F0C-68CC-4F13-A58D-7D5850D6BABB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7380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FCD1A103-17AC-4A34-8A1D-92E20B67C019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9300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6D17E478-3C99-48E5-91A4-253FD970A082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9624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ACBDE3FC-87C8-4EA6-8040-812BA3745D76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1154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9" name="Rectangle 18" hidden="1">
            <a:extLst>
              <a:ext uri="{FF2B5EF4-FFF2-40B4-BE49-F238E27FC236}">
                <a16:creationId xmlns:a16="http://schemas.microsoft.com/office/drawing/2014/main" id="{994EE5B0-B3FC-43D9-8B31-B03CA4819265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32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0" name="Rectangle 19" hidden="1">
            <a:extLst>
              <a:ext uri="{FF2B5EF4-FFF2-40B4-BE49-F238E27FC236}">
                <a16:creationId xmlns:a16="http://schemas.microsoft.com/office/drawing/2014/main" id="{71B943CE-F983-40CB-852B-B348DA0EECF9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32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1" name="Rectangle 20" hidden="1">
            <a:extLst>
              <a:ext uri="{FF2B5EF4-FFF2-40B4-BE49-F238E27FC236}">
                <a16:creationId xmlns:a16="http://schemas.microsoft.com/office/drawing/2014/main" id="{195AE9FF-57B5-4B28-95BD-65EB616F8339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32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2" name="Rectangle 21" hidden="1">
            <a:extLst>
              <a:ext uri="{FF2B5EF4-FFF2-40B4-BE49-F238E27FC236}">
                <a16:creationId xmlns:a16="http://schemas.microsoft.com/office/drawing/2014/main" id="{09C4273C-D9B3-4E1C-BECF-E403BC0FED81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32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3" name="Rectangle 22" hidden="1">
            <a:extLst>
              <a:ext uri="{FF2B5EF4-FFF2-40B4-BE49-F238E27FC236}">
                <a16:creationId xmlns:a16="http://schemas.microsoft.com/office/drawing/2014/main" id="{D61A9C98-DFAC-4C93-9FC3-FA4B7268AFD4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648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4" name="Rectangle 23" hidden="1">
            <a:extLst>
              <a:ext uri="{FF2B5EF4-FFF2-40B4-BE49-F238E27FC236}">
                <a16:creationId xmlns:a16="http://schemas.microsoft.com/office/drawing/2014/main" id="{2738953D-847C-44BC-BB1D-3E35D57608D4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2568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5" name="Rectangle 24" hidden="1">
            <a:extLst>
              <a:ext uri="{FF2B5EF4-FFF2-40B4-BE49-F238E27FC236}">
                <a16:creationId xmlns:a16="http://schemas.microsoft.com/office/drawing/2014/main" id="{A85DD5C0-07B7-493F-ACD2-090488BDD5B6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648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7" name="Rectangle 36" hidden="1">
            <a:extLst>
              <a:ext uri="{FF2B5EF4-FFF2-40B4-BE49-F238E27FC236}">
                <a16:creationId xmlns:a16="http://schemas.microsoft.com/office/drawing/2014/main" id="{2D03EC4E-106A-492D-9392-E8DAE462F1BE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2568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5" name="Rectangle 44" hidden="1">
            <a:extLst>
              <a:ext uri="{FF2B5EF4-FFF2-40B4-BE49-F238E27FC236}">
                <a16:creationId xmlns:a16="http://schemas.microsoft.com/office/drawing/2014/main" id="{20022031-21E7-4D6F-92EB-D2DDACC3013D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648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6" name="Rectangle 45" hidden="1">
            <a:extLst>
              <a:ext uri="{FF2B5EF4-FFF2-40B4-BE49-F238E27FC236}">
                <a16:creationId xmlns:a16="http://schemas.microsoft.com/office/drawing/2014/main" id="{0D8C0033-6DD1-44FA-8D1E-C266A6CB5E58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2568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7" name="Rectangle 46" hidden="1">
            <a:extLst>
              <a:ext uri="{FF2B5EF4-FFF2-40B4-BE49-F238E27FC236}">
                <a16:creationId xmlns:a16="http://schemas.microsoft.com/office/drawing/2014/main" id="{5405C511-8E76-4F70-B418-D42EFC88B59C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648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8" name="Rectangle 47" hidden="1">
            <a:extLst>
              <a:ext uri="{FF2B5EF4-FFF2-40B4-BE49-F238E27FC236}">
                <a16:creationId xmlns:a16="http://schemas.microsoft.com/office/drawing/2014/main" id="{3A318B50-011A-4077-B856-5AA6365091AC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2568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9" name="Rectangle 48" hidden="1">
            <a:extLst>
              <a:ext uri="{FF2B5EF4-FFF2-40B4-BE49-F238E27FC236}">
                <a16:creationId xmlns:a16="http://schemas.microsoft.com/office/drawing/2014/main" id="{6A2BCA5B-FE07-43B1-A4B7-31BD6164A6E4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32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0" name="Rectangle 49" hidden="1">
            <a:extLst>
              <a:ext uri="{FF2B5EF4-FFF2-40B4-BE49-F238E27FC236}">
                <a16:creationId xmlns:a16="http://schemas.microsoft.com/office/drawing/2014/main" id="{5C40FFBD-7783-45AC-8A2B-097F0420F8BE}"/>
              </a:ext>
            </a:extLst>
          </p:cNvPr>
          <p:cNvSpPr/>
          <p:nvPr userDrawn="1">
            <p:custDataLst>
              <p:tags r:id="rId59"/>
            </p:custDataLst>
          </p:nvPr>
        </p:nvSpPr>
        <p:spPr>
          <a:xfrm>
            <a:off x="648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1" name="Rectangle 50" hidden="1">
            <a:extLst>
              <a:ext uri="{FF2B5EF4-FFF2-40B4-BE49-F238E27FC236}">
                <a16:creationId xmlns:a16="http://schemas.microsoft.com/office/drawing/2014/main" id="{4CEBE773-5EE2-48C7-957B-8390AB5ACC07}"/>
              </a:ext>
            </a:extLst>
          </p:cNvPr>
          <p:cNvSpPr/>
          <p:nvPr userDrawn="1">
            <p:custDataLst>
              <p:tags r:id="rId60"/>
            </p:custDataLst>
          </p:nvPr>
        </p:nvSpPr>
        <p:spPr>
          <a:xfrm>
            <a:off x="2568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2" name="Rectangle 51" hidden="1">
            <a:extLst>
              <a:ext uri="{FF2B5EF4-FFF2-40B4-BE49-F238E27FC236}">
                <a16:creationId xmlns:a16="http://schemas.microsoft.com/office/drawing/2014/main" id="{A88B1085-4452-48B2-ABE2-B39A1F2C8B5C}"/>
              </a:ext>
            </a:extLst>
          </p:cNvPr>
          <p:cNvSpPr/>
          <p:nvPr userDrawn="1">
            <p:custDataLst>
              <p:tags r:id="rId61"/>
            </p:custDataLst>
          </p:nvPr>
        </p:nvSpPr>
        <p:spPr>
          <a:xfrm>
            <a:off x="2892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3" name="Rectangle 52" hidden="1">
            <a:extLst>
              <a:ext uri="{FF2B5EF4-FFF2-40B4-BE49-F238E27FC236}">
                <a16:creationId xmlns:a16="http://schemas.microsoft.com/office/drawing/2014/main" id="{35677462-D07F-483C-9C29-E04937D96970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4812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4" name="Rectangle 53" hidden="1">
            <a:extLst>
              <a:ext uri="{FF2B5EF4-FFF2-40B4-BE49-F238E27FC236}">
                <a16:creationId xmlns:a16="http://schemas.microsoft.com/office/drawing/2014/main" id="{719982BD-DEFC-4091-A576-C424DBA3C4DD}"/>
              </a:ext>
            </a:extLst>
          </p:cNvPr>
          <p:cNvSpPr/>
          <p:nvPr userDrawn="1">
            <p:custDataLst>
              <p:tags r:id="rId63"/>
            </p:custDataLst>
          </p:nvPr>
        </p:nvSpPr>
        <p:spPr>
          <a:xfrm>
            <a:off x="5136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5" name="Rectangle 54" hidden="1">
            <a:extLst>
              <a:ext uri="{FF2B5EF4-FFF2-40B4-BE49-F238E27FC236}">
                <a16:creationId xmlns:a16="http://schemas.microsoft.com/office/drawing/2014/main" id="{09DABF0B-9E1E-4C4B-B44A-B858D0F51253}"/>
              </a:ext>
            </a:extLst>
          </p:cNvPr>
          <p:cNvSpPr/>
          <p:nvPr userDrawn="1">
            <p:custDataLst>
              <p:tags r:id="rId64"/>
            </p:custDataLst>
          </p:nvPr>
        </p:nvSpPr>
        <p:spPr>
          <a:xfrm>
            <a:off x="7056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6" name="Rectangle 55" hidden="1">
            <a:extLst>
              <a:ext uri="{FF2B5EF4-FFF2-40B4-BE49-F238E27FC236}">
                <a16:creationId xmlns:a16="http://schemas.microsoft.com/office/drawing/2014/main" id="{4C2D3A6A-66FD-4AEE-8C1E-B6E5EECF6AC4}"/>
              </a:ext>
            </a:extLst>
          </p:cNvPr>
          <p:cNvSpPr/>
          <p:nvPr userDrawn="1">
            <p:custDataLst>
              <p:tags r:id="rId65"/>
            </p:custDataLst>
          </p:nvPr>
        </p:nvSpPr>
        <p:spPr>
          <a:xfrm>
            <a:off x="7380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7" name="Rectangle 56" hidden="1">
            <a:extLst>
              <a:ext uri="{FF2B5EF4-FFF2-40B4-BE49-F238E27FC236}">
                <a16:creationId xmlns:a16="http://schemas.microsoft.com/office/drawing/2014/main" id="{2D1F338B-CF9E-4B33-946A-4DB709760AF6}"/>
              </a:ext>
            </a:extLst>
          </p:cNvPr>
          <p:cNvSpPr/>
          <p:nvPr userDrawn="1">
            <p:custDataLst>
              <p:tags r:id="rId66"/>
            </p:custDataLst>
          </p:nvPr>
        </p:nvSpPr>
        <p:spPr>
          <a:xfrm>
            <a:off x="9300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8" name="Rectangle 57" hidden="1">
            <a:extLst>
              <a:ext uri="{FF2B5EF4-FFF2-40B4-BE49-F238E27FC236}">
                <a16:creationId xmlns:a16="http://schemas.microsoft.com/office/drawing/2014/main" id="{C62DDC7A-A75D-47D1-8199-CF07F2BDFB07}"/>
              </a:ext>
            </a:extLst>
          </p:cNvPr>
          <p:cNvSpPr/>
          <p:nvPr userDrawn="1">
            <p:custDataLst>
              <p:tags r:id="rId67"/>
            </p:custDataLst>
          </p:nvPr>
        </p:nvSpPr>
        <p:spPr>
          <a:xfrm>
            <a:off x="9624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9" name="Rectangle 58" hidden="1">
            <a:extLst>
              <a:ext uri="{FF2B5EF4-FFF2-40B4-BE49-F238E27FC236}">
                <a16:creationId xmlns:a16="http://schemas.microsoft.com/office/drawing/2014/main" id="{58B5BE77-B2A7-4D7F-8E0B-C3E954ED65B5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1154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0" name="Rectangle 59" hidden="1">
            <a:extLst>
              <a:ext uri="{FF2B5EF4-FFF2-40B4-BE49-F238E27FC236}">
                <a16:creationId xmlns:a16="http://schemas.microsoft.com/office/drawing/2014/main" id="{FCFBBBC3-8FB6-4FAC-ADAD-D2D96E64A22C}"/>
              </a:ext>
            </a:extLst>
          </p:cNvPr>
          <p:cNvSpPr/>
          <p:nvPr userDrawn="1">
            <p:custDataLst>
              <p:tags r:id="rId69"/>
            </p:custDataLst>
          </p:nvPr>
        </p:nvSpPr>
        <p:spPr>
          <a:xfrm>
            <a:off x="2892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1" name="Rectangle 60" hidden="1">
            <a:extLst>
              <a:ext uri="{FF2B5EF4-FFF2-40B4-BE49-F238E27FC236}">
                <a16:creationId xmlns:a16="http://schemas.microsoft.com/office/drawing/2014/main" id="{2C5A7DD2-B5CE-413A-9B54-583BA9EBCDFF}"/>
              </a:ext>
            </a:extLst>
          </p:cNvPr>
          <p:cNvSpPr/>
          <p:nvPr userDrawn="1">
            <p:custDataLst>
              <p:tags r:id="rId70"/>
            </p:custDataLst>
          </p:nvPr>
        </p:nvSpPr>
        <p:spPr>
          <a:xfrm>
            <a:off x="4812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2" name="Rectangle 61" hidden="1">
            <a:extLst>
              <a:ext uri="{FF2B5EF4-FFF2-40B4-BE49-F238E27FC236}">
                <a16:creationId xmlns:a16="http://schemas.microsoft.com/office/drawing/2014/main" id="{D9461BA4-4B7F-4140-AC43-136B90730752}"/>
              </a:ext>
            </a:extLst>
          </p:cNvPr>
          <p:cNvSpPr/>
          <p:nvPr userDrawn="1">
            <p:custDataLst>
              <p:tags r:id="rId71"/>
            </p:custDataLst>
          </p:nvPr>
        </p:nvSpPr>
        <p:spPr>
          <a:xfrm>
            <a:off x="2892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3" name="Rectangle 62" hidden="1">
            <a:extLst>
              <a:ext uri="{FF2B5EF4-FFF2-40B4-BE49-F238E27FC236}">
                <a16:creationId xmlns:a16="http://schemas.microsoft.com/office/drawing/2014/main" id="{DEB946CF-96A1-4659-9385-72D850C9C025}"/>
              </a:ext>
            </a:extLst>
          </p:cNvPr>
          <p:cNvSpPr/>
          <p:nvPr userDrawn="1">
            <p:custDataLst>
              <p:tags r:id="rId72"/>
            </p:custDataLst>
          </p:nvPr>
        </p:nvSpPr>
        <p:spPr>
          <a:xfrm>
            <a:off x="4812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4" name="Rectangle 63" hidden="1">
            <a:extLst>
              <a:ext uri="{FF2B5EF4-FFF2-40B4-BE49-F238E27FC236}">
                <a16:creationId xmlns:a16="http://schemas.microsoft.com/office/drawing/2014/main" id="{742C5205-4F49-47AB-B503-BC7F63858642}"/>
              </a:ext>
            </a:extLst>
          </p:cNvPr>
          <p:cNvSpPr/>
          <p:nvPr userDrawn="1">
            <p:custDataLst>
              <p:tags r:id="rId73"/>
            </p:custDataLst>
          </p:nvPr>
        </p:nvSpPr>
        <p:spPr>
          <a:xfrm>
            <a:off x="2892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5" name="Rectangle 64" hidden="1">
            <a:extLst>
              <a:ext uri="{FF2B5EF4-FFF2-40B4-BE49-F238E27FC236}">
                <a16:creationId xmlns:a16="http://schemas.microsoft.com/office/drawing/2014/main" id="{5B2DC920-B604-43E9-ADC1-B26167353D44}"/>
              </a:ext>
            </a:extLst>
          </p:cNvPr>
          <p:cNvSpPr/>
          <p:nvPr userDrawn="1">
            <p:custDataLst>
              <p:tags r:id="rId74"/>
            </p:custDataLst>
          </p:nvPr>
        </p:nvSpPr>
        <p:spPr>
          <a:xfrm>
            <a:off x="4812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6" name="Rectangle 65" hidden="1">
            <a:extLst>
              <a:ext uri="{FF2B5EF4-FFF2-40B4-BE49-F238E27FC236}">
                <a16:creationId xmlns:a16="http://schemas.microsoft.com/office/drawing/2014/main" id="{419CE6B2-B4FC-4BBD-937B-2FAF2EC436EB}"/>
              </a:ext>
            </a:extLst>
          </p:cNvPr>
          <p:cNvSpPr/>
          <p:nvPr userDrawn="1">
            <p:custDataLst>
              <p:tags r:id="rId75"/>
            </p:custDataLst>
          </p:nvPr>
        </p:nvSpPr>
        <p:spPr>
          <a:xfrm>
            <a:off x="2892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7" name="Rectangle 66" hidden="1">
            <a:extLst>
              <a:ext uri="{FF2B5EF4-FFF2-40B4-BE49-F238E27FC236}">
                <a16:creationId xmlns:a16="http://schemas.microsoft.com/office/drawing/2014/main" id="{24F744BF-7A2A-44A1-99AF-BF4D80F50B40}"/>
              </a:ext>
            </a:extLst>
          </p:cNvPr>
          <p:cNvSpPr/>
          <p:nvPr userDrawn="1">
            <p:custDataLst>
              <p:tags r:id="rId76"/>
            </p:custDataLst>
          </p:nvPr>
        </p:nvSpPr>
        <p:spPr>
          <a:xfrm>
            <a:off x="4812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8" name="Rectangle 67" hidden="1">
            <a:extLst>
              <a:ext uri="{FF2B5EF4-FFF2-40B4-BE49-F238E27FC236}">
                <a16:creationId xmlns:a16="http://schemas.microsoft.com/office/drawing/2014/main" id="{4A561C12-BD2C-4ABE-9ACE-047842A9B253}"/>
              </a:ext>
            </a:extLst>
          </p:cNvPr>
          <p:cNvSpPr/>
          <p:nvPr userDrawn="1">
            <p:custDataLst>
              <p:tags r:id="rId77"/>
            </p:custDataLst>
          </p:nvPr>
        </p:nvSpPr>
        <p:spPr>
          <a:xfrm>
            <a:off x="5136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9" name="Rectangle 68" hidden="1">
            <a:extLst>
              <a:ext uri="{FF2B5EF4-FFF2-40B4-BE49-F238E27FC236}">
                <a16:creationId xmlns:a16="http://schemas.microsoft.com/office/drawing/2014/main" id="{1F79B3EE-7015-44C0-B98B-D7976E3CC6C0}"/>
              </a:ext>
            </a:extLst>
          </p:cNvPr>
          <p:cNvSpPr/>
          <p:nvPr userDrawn="1">
            <p:custDataLst>
              <p:tags r:id="rId78"/>
            </p:custDataLst>
          </p:nvPr>
        </p:nvSpPr>
        <p:spPr>
          <a:xfrm>
            <a:off x="7056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0" name="Rectangle 69" hidden="1">
            <a:extLst>
              <a:ext uri="{FF2B5EF4-FFF2-40B4-BE49-F238E27FC236}">
                <a16:creationId xmlns:a16="http://schemas.microsoft.com/office/drawing/2014/main" id="{55195DF3-05B5-49EC-8E2A-6D131BFB07E4}"/>
              </a:ext>
            </a:extLst>
          </p:cNvPr>
          <p:cNvSpPr/>
          <p:nvPr userDrawn="1">
            <p:custDataLst>
              <p:tags r:id="rId79"/>
            </p:custDataLst>
          </p:nvPr>
        </p:nvSpPr>
        <p:spPr>
          <a:xfrm>
            <a:off x="5136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1" name="Rectangle 70" hidden="1">
            <a:extLst>
              <a:ext uri="{FF2B5EF4-FFF2-40B4-BE49-F238E27FC236}">
                <a16:creationId xmlns:a16="http://schemas.microsoft.com/office/drawing/2014/main" id="{6C7ACCBF-3785-451F-8D26-06EB8169ED29}"/>
              </a:ext>
            </a:extLst>
          </p:cNvPr>
          <p:cNvSpPr/>
          <p:nvPr userDrawn="1">
            <p:custDataLst>
              <p:tags r:id="rId80"/>
            </p:custDataLst>
          </p:nvPr>
        </p:nvSpPr>
        <p:spPr>
          <a:xfrm>
            <a:off x="7056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2" name="Rectangle 71" hidden="1">
            <a:extLst>
              <a:ext uri="{FF2B5EF4-FFF2-40B4-BE49-F238E27FC236}">
                <a16:creationId xmlns:a16="http://schemas.microsoft.com/office/drawing/2014/main" id="{0DB1FB36-F0B8-4569-B24C-A7FE882E3A0D}"/>
              </a:ext>
            </a:extLst>
          </p:cNvPr>
          <p:cNvSpPr/>
          <p:nvPr userDrawn="1">
            <p:custDataLst>
              <p:tags r:id="rId81"/>
            </p:custDataLst>
          </p:nvPr>
        </p:nvSpPr>
        <p:spPr>
          <a:xfrm>
            <a:off x="5136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3" name="Rectangle 72" hidden="1">
            <a:extLst>
              <a:ext uri="{FF2B5EF4-FFF2-40B4-BE49-F238E27FC236}">
                <a16:creationId xmlns:a16="http://schemas.microsoft.com/office/drawing/2014/main" id="{A16BF7E9-5EB1-4763-B3B3-B9BDDFCE9368}"/>
              </a:ext>
            </a:extLst>
          </p:cNvPr>
          <p:cNvSpPr/>
          <p:nvPr userDrawn="1">
            <p:custDataLst>
              <p:tags r:id="rId82"/>
            </p:custDataLst>
          </p:nvPr>
        </p:nvSpPr>
        <p:spPr>
          <a:xfrm>
            <a:off x="7056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4" name="Rectangle 73" hidden="1">
            <a:extLst>
              <a:ext uri="{FF2B5EF4-FFF2-40B4-BE49-F238E27FC236}">
                <a16:creationId xmlns:a16="http://schemas.microsoft.com/office/drawing/2014/main" id="{B859330A-8EF0-4EC1-8579-E436CA633192}"/>
              </a:ext>
            </a:extLst>
          </p:cNvPr>
          <p:cNvSpPr/>
          <p:nvPr userDrawn="1">
            <p:custDataLst>
              <p:tags r:id="rId83"/>
            </p:custDataLst>
          </p:nvPr>
        </p:nvSpPr>
        <p:spPr>
          <a:xfrm>
            <a:off x="5136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5" name="Rectangle 74" hidden="1">
            <a:extLst>
              <a:ext uri="{FF2B5EF4-FFF2-40B4-BE49-F238E27FC236}">
                <a16:creationId xmlns:a16="http://schemas.microsoft.com/office/drawing/2014/main" id="{28ADAA1F-5B13-4CA7-92F6-B9BD284DD1E1}"/>
              </a:ext>
            </a:extLst>
          </p:cNvPr>
          <p:cNvSpPr/>
          <p:nvPr userDrawn="1">
            <p:custDataLst>
              <p:tags r:id="rId84"/>
            </p:custDataLst>
          </p:nvPr>
        </p:nvSpPr>
        <p:spPr>
          <a:xfrm>
            <a:off x="7056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6" name="Rectangle 75" hidden="1">
            <a:extLst>
              <a:ext uri="{FF2B5EF4-FFF2-40B4-BE49-F238E27FC236}">
                <a16:creationId xmlns:a16="http://schemas.microsoft.com/office/drawing/2014/main" id="{D063FCBC-0F82-4BF7-A4F3-63086372BCA1}"/>
              </a:ext>
            </a:extLst>
          </p:cNvPr>
          <p:cNvSpPr/>
          <p:nvPr userDrawn="1">
            <p:custDataLst>
              <p:tags r:id="rId85"/>
            </p:custDataLst>
          </p:nvPr>
        </p:nvSpPr>
        <p:spPr>
          <a:xfrm>
            <a:off x="7380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7" name="Rectangle 76" hidden="1">
            <a:extLst>
              <a:ext uri="{FF2B5EF4-FFF2-40B4-BE49-F238E27FC236}">
                <a16:creationId xmlns:a16="http://schemas.microsoft.com/office/drawing/2014/main" id="{CE645546-D2AC-47E6-9FEE-B872688AACBC}"/>
              </a:ext>
            </a:extLst>
          </p:cNvPr>
          <p:cNvSpPr/>
          <p:nvPr userDrawn="1">
            <p:custDataLst>
              <p:tags r:id="rId86"/>
            </p:custDataLst>
          </p:nvPr>
        </p:nvSpPr>
        <p:spPr>
          <a:xfrm>
            <a:off x="9300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8" name="Rectangle 77" hidden="1">
            <a:extLst>
              <a:ext uri="{FF2B5EF4-FFF2-40B4-BE49-F238E27FC236}">
                <a16:creationId xmlns:a16="http://schemas.microsoft.com/office/drawing/2014/main" id="{67D40869-4909-44AB-ADF7-F7E881C8F368}"/>
              </a:ext>
            </a:extLst>
          </p:cNvPr>
          <p:cNvSpPr/>
          <p:nvPr userDrawn="1">
            <p:custDataLst>
              <p:tags r:id="rId87"/>
            </p:custDataLst>
          </p:nvPr>
        </p:nvSpPr>
        <p:spPr>
          <a:xfrm>
            <a:off x="7380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9" name="Rectangle 78" hidden="1">
            <a:extLst>
              <a:ext uri="{FF2B5EF4-FFF2-40B4-BE49-F238E27FC236}">
                <a16:creationId xmlns:a16="http://schemas.microsoft.com/office/drawing/2014/main" id="{135A9F82-A30E-49D6-85D5-F27123AF0F10}"/>
              </a:ext>
            </a:extLst>
          </p:cNvPr>
          <p:cNvSpPr/>
          <p:nvPr userDrawn="1">
            <p:custDataLst>
              <p:tags r:id="rId88"/>
            </p:custDataLst>
          </p:nvPr>
        </p:nvSpPr>
        <p:spPr>
          <a:xfrm>
            <a:off x="9300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0" name="Rectangle 79" hidden="1">
            <a:extLst>
              <a:ext uri="{FF2B5EF4-FFF2-40B4-BE49-F238E27FC236}">
                <a16:creationId xmlns:a16="http://schemas.microsoft.com/office/drawing/2014/main" id="{95983F4E-3EE6-4BD7-AD35-C47ED01C5ED4}"/>
              </a:ext>
            </a:extLst>
          </p:cNvPr>
          <p:cNvSpPr/>
          <p:nvPr userDrawn="1">
            <p:custDataLst>
              <p:tags r:id="rId89"/>
            </p:custDataLst>
          </p:nvPr>
        </p:nvSpPr>
        <p:spPr>
          <a:xfrm>
            <a:off x="7380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1" name="Rectangle 80" hidden="1">
            <a:extLst>
              <a:ext uri="{FF2B5EF4-FFF2-40B4-BE49-F238E27FC236}">
                <a16:creationId xmlns:a16="http://schemas.microsoft.com/office/drawing/2014/main" id="{F717EFA4-0ED4-4A46-9AFD-0F0A6E65D253}"/>
              </a:ext>
            </a:extLst>
          </p:cNvPr>
          <p:cNvSpPr/>
          <p:nvPr userDrawn="1">
            <p:custDataLst>
              <p:tags r:id="rId90"/>
            </p:custDataLst>
          </p:nvPr>
        </p:nvSpPr>
        <p:spPr>
          <a:xfrm>
            <a:off x="9300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2" name="Rectangle 81" hidden="1">
            <a:extLst>
              <a:ext uri="{FF2B5EF4-FFF2-40B4-BE49-F238E27FC236}">
                <a16:creationId xmlns:a16="http://schemas.microsoft.com/office/drawing/2014/main" id="{6E85224F-39CC-4044-9201-BDF5309E2509}"/>
              </a:ext>
            </a:extLst>
          </p:cNvPr>
          <p:cNvSpPr/>
          <p:nvPr userDrawn="1">
            <p:custDataLst>
              <p:tags r:id="rId91"/>
            </p:custDataLst>
          </p:nvPr>
        </p:nvSpPr>
        <p:spPr>
          <a:xfrm>
            <a:off x="7380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3" name="Rectangle 82" hidden="1">
            <a:extLst>
              <a:ext uri="{FF2B5EF4-FFF2-40B4-BE49-F238E27FC236}">
                <a16:creationId xmlns:a16="http://schemas.microsoft.com/office/drawing/2014/main" id="{C5FFBE79-1CFF-48A7-9FA3-6763881AA963}"/>
              </a:ext>
            </a:extLst>
          </p:cNvPr>
          <p:cNvSpPr/>
          <p:nvPr userDrawn="1">
            <p:custDataLst>
              <p:tags r:id="rId92"/>
            </p:custDataLst>
          </p:nvPr>
        </p:nvSpPr>
        <p:spPr>
          <a:xfrm>
            <a:off x="9300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4" name="Rectangle 83" hidden="1">
            <a:extLst>
              <a:ext uri="{FF2B5EF4-FFF2-40B4-BE49-F238E27FC236}">
                <a16:creationId xmlns:a16="http://schemas.microsoft.com/office/drawing/2014/main" id="{C7039B6D-AC56-40A5-858D-599754E1E0AD}"/>
              </a:ext>
            </a:extLst>
          </p:cNvPr>
          <p:cNvSpPr/>
          <p:nvPr userDrawn="1">
            <p:custDataLst>
              <p:tags r:id="rId93"/>
            </p:custDataLst>
          </p:nvPr>
        </p:nvSpPr>
        <p:spPr>
          <a:xfrm>
            <a:off x="9624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5" name="Rectangle 84" hidden="1">
            <a:extLst>
              <a:ext uri="{FF2B5EF4-FFF2-40B4-BE49-F238E27FC236}">
                <a16:creationId xmlns:a16="http://schemas.microsoft.com/office/drawing/2014/main" id="{71018EC8-1FEE-415C-B1E0-DAFC251C6F4F}"/>
              </a:ext>
            </a:extLst>
          </p:cNvPr>
          <p:cNvSpPr/>
          <p:nvPr userDrawn="1">
            <p:custDataLst>
              <p:tags r:id="rId94"/>
            </p:custDataLst>
          </p:nvPr>
        </p:nvSpPr>
        <p:spPr>
          <a:xfrm>
            <a:off x="1154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6" name="Rectangle 85" hidden="1">
            <a:extLst>
              <a:ext uri="{FF2B5EF4-FFF2-40B4-BE49-F238E27FC236}">
                <a16:creationId xmlns:a16="http://schemas.microsoft.com/office/drawing/2014/main" id="{33D0B803-F928-4AB8-9FA8-7A2550C65926}"/>
              </a:ext>
            </a:extLst>
          </p:cNvPr>
          <p:cNvSpPr/>
          <p:nvPr userDrawn="1">
            <p:custDataLst>
              <p:tags r:id="rId95"/>
            </p:custDataLst>
          </p:nvPr>
        </p:nvSpPr>
        <p:spPr>
          <a:xfrm>
            <a:off x="9624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7" name="Rectangle 86" hidden="1">
            <a:extLst>
              <a:ext uri="{FF2B5EF4-FFF2-40B4-BE49-F238E27FC236}">
                <a16:creationId xmlns:a16="http://schemas.microsoft.com/office/drawing/2014/main" id="{A74BCB38-7D1D-4BB9-94CE-ADBDC5DAB010}"/>
              </a:ext>
            </a:extLst>
          </p:cNvPr>
          <p:cNvSpPr/>
          <p:nvPr userDrawn="1">
            <p:custDataLst>
              <p:tags r:id="rId96"/>
            </p:custDataLst>
          </p:nvPr>
        </p:nvSpPr>
        <p:spPr>
          <a:xfrm>
            <a:off x="1154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8" name="Rectangle 87" hidden="1">
            <a:extLst>
              <a:ext uri="{FF2B5EF4-FFF2-40B4-BE49-F238E27FC236}">
                <a16:creationId xmlns:a16="http://schemas.microsoft.com/office/drawing/2014/main" id="{6E6BC775-1DC0-42CB-BA95-EB6F78CFD0FE}"/>
              </a:ext>
            </a:extLst>
          </p:cNvPr>
          <p:cNvSpPr/>
          <p:nvPr userDrawn="1">
            <p:custDataLst>
              <p:tags r:id="rId97"/>
            </p:custDataLst>
          </p:nvPr>
        </p:nvSpPr>
        <p:spPr>
          <a:xfrm>
            <a:off x="9624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9" name="Rectangle 88" hidden="1">
            <a:extLst>
              <a:ext uri="{FF2B5EF4-FFF2-40B4-BE49-F238E27FC236}">
                <a16:creationId xmlns:a16="http://schemas.microsoft.com/office/drawing/2014/main" id="{95792BBB-2B34-4739-8C69-B66E64F8A279}"/>
              </a:ext>
            </a:extLst>
          </p:cNvPr>
          <p:cNvSpPr/>
          <p:nvPr userDrawn="1">
            <p:custDataLst>
              <p:tags r:id="rId98"/>
            </p:custDataLst>
          </p:nvPr>
        </p:nvSpPr>
        <p:spPr>
          <a:xfrm>
            <a:off x="1154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0" name="Rectangle 89" hidden="1">
            <a:extLst>
              <a:ext uri="{FF2B5EF4-FFF2-40B4-BE49-F238E27FC236}">
                <a16:creationId xmlns:a16="http://schemas.microsoft.com/office/drawing/2014/main" id="{E8FDD868-6922-48B4-976C-6F9677663DAF}"/>
              </a:ext>
            </a:extLst>
          </p:cNvPr>
          <p:cNvSpPr/>
          <p:nvPr userDrawn="1">
            <p:custDataLst>
              <p:tags r:id="rId99"/>
            </p:custDataLst>
          </p:nvPr>
        </p:nvSpPr>
        <p:spPr>
          <a:xfrm>
            <a:off x="9624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1" name="Rectangle 90" hidden="1">
            <a:extLst>
              <a:ext uri="{FF2B5EF4-FFF2-40B4-BE49-F238E27FC236}">
                <a16:creationId xmlns:a16="http://schemas.microsoft.com/office/drawing/2014/main" id="{E3A8AF86-B9FD-4654-82BA-248AF9D72F7C}"/>
              </a:ext>
            </a:extLst>
          </p:cNvPr>
          <p:cNvSpPr/>
          <p:nvPr userDrawn="1">
            <p:custDataLst>
              <p:tags r:id="rId100"/>
            </p:custDataLst>
          </p:nvPr>
        </p:nvSpPr>
        <p:spPr>
          <a:xfrm>
            <a:off x="1154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2" name="Rectangle 91" hidden="1">
            <a:extLst>
              <a:ext uri="{FF2B5EF4-FFF2-40B4-BE49-F238E27FC236}">
                <a16:creationId xmlns:a16="http://schemas.microsoft.com/office/drawing/2014/main" id="{F1579785-2978-4428-A96D-6D6718940F9D}"/>
              </a:ext>
            </a:extLst>
          </p:cNvPr>
          <p:cNvSpPr/>
          <p:nvPr userDrawn="1">
            <p:custDataLst>
              <p:tags r:id="rId101"/>
            </p:custDataLst>
          </p:nvPr>
        </p:nvSpPr>
        <p:spPr>
          <a:xfrm>
            <a:off x="32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3" name="Rectangle 92" hidden="1">
            <a:extLst>
              <a:ext uri="{FF2B5EF4-FFF2-40B4-BE49-F238E27FC236}">
                <a16:creationId xmlns:a16="http://schemas.microsoft.com/office/drawing/2014/main" id="{0584FA97-4AB6-4A5E-91FB-95E9E602EA26}"/>
              </a:ext>
            </a:extLst>
          </p:cNvPr>
          <p:cNvSpPr/>
          <p:nvPr userDrawn="1">
            <p:custDataLst>
              <p:tags r:id="rId102"/>
            </p:custDataLst>
          </p:nvPr>
        </p:nvSpPr>
        <p:spPr>
          <a:xfrm>
            <a:off x="2568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4" name="Rectangle 93" hidden="1">
            <a:extLst>
              <a:ext uri="{FF2B5EF4-FFF2-40B4-BE49-F238E27FC236}">
                <a16:creationId xmlns:a16="http://schemas.microsoft.com/office/drawing/2014/main" id="{A48EE25C-475F-4316-B6A2-011BEE3BCD92}"/>
              </a:ext>
            </a:extLst>
          </p:cNvPr>
          <p:cNvSpPr/>
          <p:nvPr userDrawn="1">
            <p:custDataLst>
              <p:tags r:id="rId103"/>
            </p:custDataLst>
          </p:nvPr>
        </p:nvSpPr>
        <p:spPr>
          <a:xfrm>
            <a:off x="4812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5" name="Rectangle 94" hidden="1">
            <a:extLst>
              <a:ext uri="{FF2B5EF4-FFF2-40B4-BE49-F238E27FC236}">
                <a16:creationId xmlns:a16="http://schemas.microsoft.com/office/drawing/2014/main" id="{7E857FE4-C9A3-45B7-B041-66EE09495EEC}"/>
              </a:ext>
            </a:extLst>
          </p:cNvPr>
          <p:cNvSpPr/>
          <p:nvPr userDrawn="1">
            <p:custDataLst>
              <p:tags r:id="rId104"/>
            </p:custDataLst>
          </p:nvPr>
        </p:nvSpPr>
        <p:spPr>
          <a:xfrm>
            <a:off x="7056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6" name="Rectangle 95" hidden="1">
            <a:extLst>
              <a:ext uri="{FF2B5EF4-FFF2-40B4-BE49-F238E27FC236}">
                <a16:creationId xmlns:a16="http://schemas.microsoft.com/office/drawing/2014/main" id="{9B5A1CBD-EB02-4B45-AF38-AAD0F53B4AD5}"/>
              </a:ext>
            </a:extLst>
          </p:cNvPr>
          <p:cNvSpPr/>
          <p:nvPr userDrawn="1">
            <p:custDataLst>
              <p:tags r:id="rId105"/>
            </p:custDataLst>
          </p:nvPr>
        </p:nvSpPr>
        <p:spPr>
          <a:xfrm>
            <a:off x="9300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7" name="Rectangle 96" hidden="1">
            <a:extLst>
              <a:ext uri="{FF2B5EF4-FFF2-40B4-BE49-F238E27FC236}">
                <a16:creationId xmlns:a16="http://schemas.microsoft.com/office/drawing/2014/main" id="{B80B4760-EF40-4F2E-9A91-131FFC1E37B4}"/>
              </a:ext>
            </a:extLst>
          </p:cNvPr>
          <p:cNvSpPr/>
          <p:nvPr userDrawn="1">
            <p:custDataLst>
              <p:tags r:id="rId106"/>
            </p:custDataLst>
          </p:nvPr>
        </p:nvSpPr>
        <p:spPr>
          <a:xfrm>
            <a:off x="1154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8" name="Rectangle 97" hidden="1">
            <a:extLst>
              <a:ext uri="{FF2B5EF4-FFF2-40B4-BE49-F238E27FC236}">
                <a16:creationId xmlns:a16="http://schemas.microsoft.com/office/drawing/2014/main" id="{8E8A7F77-3721-4815-B970-1D077CD2DA75}"/>
              </a:ext>
            </a:extLst>
          </p:cNvPr>
          <p:cNvSpPr/>
          <p:nvPr userDrawn="1">
            <p:custDataLst>
              <p:tags r:id="rId107"/>
            </p:custDataLst>
          </p:nvPr>
        </p:nvSpPr>
        <p:spPr>
          <a:xfrm>
            <a:off x="32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9" name="Rectangle 98" hidden="1">
            <a:extLst>
              <a:ext uri="{FF2B5EF4-FFF2-40B4-BE49-F238E27FC236}">
                <a16:creationId xmlns:a16="http://schemas.microsoft.com/office/drawing/2014/main" id="{55C42CA1-292D-4FB8-8399-74D1AD374EBE}"/>
              </a:ext>
            </a:extLst>
          </p:cNvPr>
          <p:cNvSpPr/>
          <p:nvPr userDrawn="1">
            <p:custDataLst>
              <p:tags r:id="rId108"/>
            </p:custDataLst>
          </p:nvPr>
        </p:nvSpPr>
        <p:spPr>
          <a:xfrm>
            <a:off x="2568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0" name="Rectangle 99" hidden="1">
            <a:extLst>
              <a:ext uri="{FF2B5EF4-FFF2-40B4-BE49-F238E27FC236}">
                <a16:creationId xmlns:a16="http://schemas.microsoft.com/office/drawing/2014/main" id="{76F4910F-0223-4A58-B2B3-CC1032CA6A96}"/>
              </a:ext>
            </a:extLst>
          </p:cNvPr>
          <p:cNvSpPr/>
          <p:nvPr userDrawn="1">
            <p:custDataLst>
              <p:tags r:id="rId109"/>
            </p:custDataLst>
          </p:nvPr>
        </p:nvSpPr>
        <p:spPr>
          <a:xfrm>
            <a:off x="4812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1" name="Rectangle 100" hidden="1">
            <a:extLst>
              <a:ext uri="{FF2B5EF4-FFF2-40B4-BE49-F238E27FC236}">
                <a16:creationId xmlns:a16="http://schemas.microsoft.com/office/drawing/2014/main" id="{309CA6FE-3AA4-4E04-82CE-33A9467E0E6A}"/>
              </a:ext>
            </a:extLst>
          </p:cNvPr>
          <p:cNvSpPr/>
          <p:nvPr userDrawn="1">
            <p:custDataLst>
              <p:tags r:id="rId110"/>
            </p:custDataLst>
          </p:nvPr>
        </p:nvSpPr>
        <p:spPr>
          <a:xfrm>
            <a:off x="7056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2" name="Rectangle 101" hidden="1">
            <a:extLst>
              <a:ext uri="{FF2B5EF4-FFF2-40B4-BE49-F238E27FC236}">
                <a16:creationId xmlns:a16="http://schemas.microsoft.com/office/drawing/2014/main" id="{D3FAE458-E122-4E17-A2BB-860390DB639B}"/>
              </a:ext>
            </a:extLst>
          </p:cNvPr>
          <p:cNvSpPr/>
          <p:nvPr userDrawn="1">
            <p:custDataLst>
              <p:tags r:id="rId111"/>
            </p:custDataLst>
          </p:nvPr>
        </p:nvSpPr>
        <p:spPr>
          <a:xfrm>
            <a:off x="9300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3" name="Rectangle 102" hidden="1">
            <a:extLst>
              <a:ext uri="{FF2B5EF4-FFF2-40B4-BE49-F238E27FC236}">
                <a16:creationId xmlns:a16="http://schemas.microsoft.com/office/drawing/2014/main" id="{09CCF6D6-3C14-49F1-9CCF-BB2BB02BA463}"/>
              </a:ext>
            </a:extLst>
          </p:cNvPr>
          <p:cNvSpPr/>
          <p:nvPr userDrawn="1">
            <p:custDataLst>
              <p:tags r:id="rId112"/>
            </p:custDataLst>
          </p:nvPr>
        </p:nvSpPr>
        <p:spPr>
          <a:xfrm>
            <a:off x="1154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4" name="Rectangle 103" hidden="1">
            <a:extLst>
              <a:ext uri="{FF2B5EF4-FFF2-40B4-BE49-F238E27FC236}">
                <a16:creationId xmlns:a16="http://schemas.microsoft.com/office/drawing/2014/main" id="{89199ED3-108C-4CB1-85A2-7274AF6D76B6}"/>
              </a:ext>
            </a:extLst>
          </p:cNvPr>
          <p:cNvSpPr/>
          <p:nvPr userDrawn="1">
            <p:custDataLst>
              <p:tags r:id="rId113"/>
            </p:custDataLst>
          </p:nvPr>
        </p:nvSpPr>
        <p:spPr>
          <a:xfrm>
            <a:off x="648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5" name="Rectangle 104" hidden="1">
            <a:extLst>
              <a:ext uri="{FF2B5EF4-FFF2-40B4-BE49-F238E27FC236}">
                <a16:creationId xmlns:a16="http://schemas.microsoft.com/office/drawing/2014/main" id="{F4889CBE-7887-46C6-99BA-4A154FF96016}"/>
              </a:ext>
            </a:extLst>
          </p:cNvPr>
          <p:cNvSpPr/>
          <p:nvPr userDrawn="1">
            <p:custDataLst>
              <p:tags r:id="rId114"/>
            </p:custDataLst>
          </p:nvPr>
        </p:nvSpPr>
        <p:spPr>
          <a:xfrm>
            <a:off x="2892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6" name="Rectangle 105" hidden="1">
            <a:extLst>
              <a:ext uri="{FF2B5EF4-FFF2-40B4-BE49-F238E27FC236}">
                <a16:creationId xmlns:a16="http://schemas.microsoft.com/office/drawing/2014/main" id="{2714EDDA-63CD-4C57-BF1D-55D84EF7DA1C}"/>
              </a:ext>
            </a:extLst>
          </p:cNvPr>
          <p:cNvSpPr/>
          <p:nvPr userDrawn="1">
            <p:custDataLst>
              <p:tags r:id="rId115"/>
            </p:custDataLst>
          </p:nvPr>
        </p:nvSpPr>
        <p:spPr>
          <a:xfrm>
            <a:off x="5136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7" name="Rectangle 106" hidden="1">
            <a:extLst>
              <a:ext uri="{FF2B5EF4-FFF2-40B4-BE49-F238E27FC236}">
                <a16:creationId xmlns:a16="http://schemas.microsoft.com/office/drawing/2014/main" id="{5A4A540B-AB24-4508-BDE2-193816CE6C2F}"/>
              </a:ext>
            </a:extLst>
          </p:cNvPr>
          <p:cNvSpPr/>
          <p:nvPr userDrawn="1">
            <p:custDataLst>
              <p:tags r:id="rId116"/>
            </p:custDataLst>
          </p:nvPr>
        </p:nvSpPr>
        <p:spPr>
          <a:xfrm>
            <a:off x="7380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8" name="Rectangle 107" hidden="1">
            <a:extLst>
              <a:ext uri="{FF2B5EF4-FFF2-40B4-BE49-F238E27FC236}">
                <a16:creationId xmlns:a16="http://schemas.microsoft.com/office/drawing/2014/main" id="{2E588317-42FC-4AFD-BF07-4EEAEA17B0FB}"/>
              </a:ext>
            </a:extLst>
          </p:cNvPr>
          <p:cNvSpPr/>
          <p:nvPr userDrawn="1">
            <p:custDataLst>
              <p:tags r:id="rId117"/>
            </p:custDataLst>
          </p:nvPr>
        </p:nvSpPr>
        <p:spPr>
          <a:xfrm>
            <a:off x="9624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9" name="Rectangle 108" hidden="1">
            <a:extLst>
              <a:ext uri="{FF2B5EF4-FFF2-40B4-BE49-F238E27FC236}">
                <a16:creationId xmlns:a16="http://schemas.microsoft.com/office/drawing/2014/main" id="{409B9FF3-D5DB-4C25-942C-75E24E0BD588}"/>
              </a:ext>
            </a:extLst>
          </p:cNvPr>
          <p:cNvSpPr/>
          <p:nvPr userDrawn="1">
            <p:custDataLst>
              <p:tags r:id="rId118"/>
            </p:custDataLst>
          </p:nvPr>
        </p:nvSpPr>
        <p:spPr>
          <a:xfrm>
            <a:off x="648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0" name="Rectangle 109" hidden="1">
            <a:extLst>
              <a:ext uri="{FF2B5EF4-FFF2-40B4-BE49-F238E27FC236}">
                <a16:creationId xmlns:a16="http://schemas.microsoft.com/office/drawing/2014/main" id="{B34EB183-B95A-4A10-93F6-B2E688291320}"/>
              </a:ext>
            </a:extLst>
          </p:cNvPr>
          <p:cNvSpPr/>
          <p:nvPr userDrawn="1">
            <p:custDataLst>
              <p:tags r:id="rId119"/>
            </p:custDataLst>
          </p:nvPr>
        </p:nvSpPr>
        <p:spPr>
          <a:xfrm>
            <a:off x="2892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1" name="Rectangle 110" hidden="1">
            <a:extLst>
              <a:ext uri="{FF2B5EF4-FFF2-40B4-BE49-F238E27FC236}">
                <a16:creationId xmlns:a16="http://schemas.microsoft.com/office/drawing/2014/main" id="{9445802B-D13B-4448-BCCA-EAC068866CD3}"/>
              </a:ext>
            </a:extLst>
          </p:cNvPr>
          <p:cNvSpPr/>
          <p:nvPr userDrawn="1">
            <p:custDataLst>
              <p:tags r:id="rId120"/>
            </p:custDataLst>
          </p:nvPr>
        </p:nvSpPr>
        <p:spPr>
          <a:xfrm>
            <a:off x="5136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2" name="Rectangle 111" hidden="1">
            <a:extLst>
              <a:ext uri="{FF2B5EF4-FFF2-40B4-BE49-F238E27FC236}">
                <a16:creationId xmlns:a16="http://schemas.microsoft.com/office/drawing/2014/main" id="{C10B3B33-18E6-4256-821F-887D5B33BF81}"/>
              </a:ext>
            </a:extLst>
          </p:cNvPr>
          <p:cNvSpPr/>
          <p:nvPr userDrawn="1">
            <p:custDataLst>
              <p:tags r:id="rId121"/>
            </p:custDataLst>
          </p:nvPr>
        </p:nvSpPr>
        <p:spPr>
          <a:xfrm>
            <a:off x="7380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C76950B1-616E-4DAB-A1C9-C18FEC9C31D4}"/>
              </a:ext>
            </a:extLst>
          </p:cNvPr>
          <p:cNvSpPr/>
          <p:nvPr userDrawn="1">
            <p:custDataLst>
              <p:tags r:id="rId122"/>
            </p:custDataLst>
          </p:nvPr>
        </p:nvSpPr>
        <p:spPr>
          <a:xfrm>
            <a:off x="9624000" y="4077000"/>
            <a:ext cx="1920000" cy="2133000"/>
          </a:xfrm>
          <a:prstGeom prst="rect">
            <a:avLst/>
          </a:prstGeom>
          <a:noFill/>
          <a:ln w="31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7" name="dynamic logo" descr="{&quot;templafy&quot;:{&quot;id&quot;:&quot;c9c227f4-8c26-4e0b-8322-1349491b018a&quot;}}" title="Form.PLogoChoice.PLogoInsertion">
            <a:extLst>
              <a:ext uri="{FF2B5EF4-FFF2-40B4-BE49-F238E27FC236}">
                <a16:creationId xmlns:a16="http://schemas.microsoft.com/office/drawing/2014/main" id="{AB8085D7-A93F-4552-0ECF-15ED05B26B33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92" r:id="rId2"/>
    <p:sldLayoutId id="2147483796" r:id="rId3"/>
    <p:sldLayoutId id="2147483730" r:id="rId4"/>
    <p:sldLayoutId id="2147483737" r:id="rId5"/>
    <p:sldLayoutId id="2147483801" r:id="rId6"/>
    <p:sldLayoutId id="2147483806" r:id="rId7"/>
    <p:sldLayoutId id="2147483765" r:id="rId8"/>
    <p:sldLayoutId id="2147483731" r:id="rId9"/>
    <p:sldLayoutId id="2147483766" r:id="rId10"/>
    <p:sldLayoutId id="2147483802" r:id="rId11"/>
    <p:sldLayoutId id="2147483804" r:id="rId12"/>
    <p:sldLayoutId id="2147483797" r:id="rId13"/>
    <p:sldLayoutId id="2147483732" r:id="rId14"/>
    <p:sldLayoutId id="2147483767" r:id="rId15"/>
    <p:sldLayoutId id="2147483768" r:id="rId16"/>
    <p:sldLayoutId id="2147483769" r:id="rId17"/>
    <p:sldLayoutId id="2147483770" r:id="rId18"/>
    <p:sldLayoutId id="2147483771" r:id="rId19"/>
    <p:sldLayoutId id="2147483772" r:id="rId20"/>
    <p:sldLayoutId id="2147483790" r:id="rId21"/>
    <p:sldLayoutId id="2147483793" r:id="rId22"/>
    <p:sldLayoutId id="2147483798" r:id="rId23"/>
    <p:sldLayoutId id="2147483794" r:id="rId24"/>
    <p:sldLayoutId id="2147483795" r:id="rId25"/>
    <p:sldLayoutId id="2147483743" r:id="rId26"/>
    <p:sldLayoutId id="2147483744" r:id="rId27"/>
    <p:sldLayoutId id="2147483803" r:id="rId28"/>
    <p:sldLayoutId id="2147483805" r:id="rId29"/>
    <p:sldLayoutId id="2147483807" r:id="rId30"/>
    <p:sldLayoutId id="2147483808" r:id="rId31"/>
    <p:sldLayoutId id="2147483762" r:id="rId32"/>
    <p:sldLayoutId id="2147483751" r:id="rId33"/>
  </p:sldLayoutIdLst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36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1000" b="1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4400" kern="1200" baseline="0">
          <a:solidFill>
            <a:schemeClr val="tx2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08" userDrawn="1">
          <p15:clr>
            <a:srgbClr val="A4A3A4"/>
          </p15:clr>
        </p15:guide>
        <p15:guide id="2" pos="1617" userDrawn="1">
          <p15:clr>
            <a:srgbClr val="A4A3A4"/>
          </p15:clr>
        </p15:guide>
        <p15:guide id="5" pos="3031" userDrawn="1">
          <p15:clr>
            <a:srgbClr val="A4A3A4"/>
          </p15:clr>
        </p15:guide>
        <p15:guide id="6" pos="3235" userDrawn="1">
          <p15:clr>
            <a:srgbClr val="A4A3A4"/>
          </p15:clr>
        </p15:guide>
        <p15:guide id="7" orient="horz" pos="3911" userDrawn="1">
          <p15:clr>
            <a:srgbClr val="A4A3A4"/>
          </p15:clr>
        </p15:guide>
        <p15:guide id="8" orient="horz" pos="4115" userDrawn="1">
          <p15:clr>
            <a:srgbClr val="A4A3A4"/>
          </p15:clr>
        </p15:guide>
        <p15:guide id="9" pos="6063" userDrawn="1">
          <p15:clr>
            <a:srgbClr val="A4A3A4"/>
          </p15:clr>
        </p15:guide>
        <p15:guide id="10" pos="7272" userDrawn="1">
          <p15:clr>
            <a:srgbClr val="A4A3A4"/>
          </p15:clr>
        </p15:guide>
        <p15:guide id="12" pos="4444" userDrawn="1">
          <p15:clr>
            <a:srgbClr val="A4A3A4"/>
          </p15:clr>
        </p15:guide>
        <p15:guide id="13" pos="4648" userDrawn="1">
          <p15:clr>
            <a:srgbClr val="A4A3A4"/>
          </p15:clr>
        </p15:guide>
        <p15:guide id="14" orient="horz" pos="204" userDrawn="1">
          <p15:clr>
            <a:srgbClr val="A4A3A4"/>
          </p15:clr>
        </p15:guide>
        <p15:guide id="15" orient="horz" pos="408" userDrawn="1">
          <p15:clr>
            <a:srgbClr val="A4A3A4"/>
          </p15:clr>
        </p15:guide>
        <p15:guide id="16" pos="1821" userDrawn="1">
          <p15:clr>
            <a:srgbClr val="A4A3A4"/>
          </p15:clr>
        </p15:guide>
        <p15:guide id="18" pos="5859" userDrawn="1">
          <p15:clr>
            <a:srgbClr val="A4A3A4"/>
          </p15:clr>
        </p15:guide>
        <p15:guide id="20" pos="7476" userDrawn="1">
          <p15:clr>
            <a:srgbClr val="A4A3A4"/>
          </p15:clr>
        </p15:guide>
        <p15:guide id="21" pos="204" userDrawn="1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087B591-9BE6-4587-BA0D-E99C873CAB9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D88B09D-A7A5-4E0B-BF9E-FBFA2007A5F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C536D38-CF9E-4260-8C3F-BA7CE1B8D90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7A8DB289-4AA2-4965-915E-C7571CC38769}" type="datetimeFigureOut">
              <a:rPr lang="en-GB" smtClean="0"/>
              <a:t>07/04/2026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804BB34-95DE-497C-9436-A0966DC7B75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981C126-230B-4118-ADC9-F2B52D7F57B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E3BBCBC4-D321-4C6F-B995-A351EC8585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3418466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0" r:id="rId1"/>
    <p:sldLayoutId id="2147483811" r:id="rId2"/>
    <p:sldLayoutId id="2147483812" r:id="rId3"/>
    <p:sldLayoutId id="2147483813" r:id="rId4"/>
    <p:sldLayoutId id="2147483814" r:id="rId5"/>
    <p:sldLayoutId id="2147483815" r:id="rId6"/>
    <p:sldLayoutId id="2147483816" r:id="rId7"/>
    <p:sldLayoutId id="2147483817" r:id="rId8"/>
    <p:sldLayoutId id="2147483818" r:id="rId9"/>
    <p:sldLayoutId id="2147483819" r:id="rId10"/>
    <p:sldLayoutId id="2147483820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>
            <a:extLst>
              <a:ext uri="{FF2B5EF4-FFF2-40B4-BE49-F238E27FC236}">
                <a16:creationId xmlns:a16="http://schemas.microsoft.com/office/drawing/2014/main" id="{0098E5CB-A0AB-43E3-A7CB-74D20A42CC40}"/>
              </a:ext>
            </a:extLst>
          </p:cNvPr>
          <p:cNvSpPr/>
          <p:nvPr userDrawn="1"/>
        </p:nvSpPr>
        <p:spPr>
          <a:xfrm>
            <a:off x="0" y="6222380"/>
            <a:ext cx="12192000" cy="635620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2" name="Platshållare för rubrik 1">
            <a:extLst>
              <a:ext uri="{FF2B5EF4-FFF2-40B4-BE49-F238E27FC236}">
                <a16:creationId xmlns:a16="http://schemas.microsoft.com/office/drawing/2014/main" id="{743B7691-F5FD-45C5-B4ED-AEC2557537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3" name="Platshållare för text 2">
            <a:extLst>
              <a:ext uri="{FF2B5EF4-FFF2-40B4-BE49-F238E27FC236}">
                <a16:creationId xmlns:a16="http://schemas.microsoft.com/office/drawing/2014/main" id="{8F77CE30-1255-4708-8728-5D9E47F0788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pic>
        <p:nvPicPr>
          <p:cNvPr id="9" name="Bildobjekt 8" descr="En bild som visar tecken&#10;&#10;Automatiskt genererad beskrivning">
            <a:extLst>
              <a:ext uri="{FF2B5EF4-FFF2-40B4-BE49-F238E27FC236}">
                <a16:creationId xmlns:a16="http://schemas.microsoft.com/office/drawing/2014/main" id="{B9C30CDC-FF7E-46DF-801C-09635A07F553}"/>
              </a:ext>
            </a:extLst>
          </p:cNvPr>
          <p:cNvPicPr>
            <a:picLocks noChangeAspect="1"/>
          </p:cNvPicPr>
          <p:nvPr userDrawn="1"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350516" y="5349999"/>
            <a:ext cx="1490967" cy="14189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53167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22" r:id="rId1"/>
    <p:sldLayoutId id="2147483823" r:id="rId2"/>
    <p:sldLayoutId id="2147483824" r:id="rId3"/>
    <p:sldLayoutId id="2147483825" r:id="rId4"/>
    <p:sldLayoutId id="2147483826" r:id="rId5"/>
    <p:sldLayoutId id="2147483827" r:id="rId6"/>
    <p:sldLayoutId id="2147483828" r:id="rId7"/>
    <p:sldLayoutId id="2147483829" r:id="rId8"/>
    <p:sldLayoutId id="2147483830" r:id="rId9"/>
    <p:sldLayoutId id="2147483831" r:id="rId10"/>
    <p:sldLayoutId id="2147483832" r:id="rId11"/>
    <p:sldLayoutId id="2147483833" r:id="rId12"/>
    <p:sldLayoutId id="2147483834" r:id="rId13"/>
    <p:sldLayoutId id="2147483835" r:id="rId14"/>
    <p:sldLayoutId id="2147483836" r:id="rId15"/>
  </p:sldLayoutIdLst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xStyles>
    <p:titleStyle>
      <a:lvl1pPr algn="ctr" defTabSz="914400" rtl="0" eaLnBrk="1" latinLnBrk="0" hangingPunct="1">
        <a:lnSpc>
          <a:spcPct val="90000"/>
        </a:lnSpc>
        <a:spcBef>
          <a:spcPct val="0"/>
        </a:spcBef>
        <a:buNone/>
        <a:defRPr sz="4400" b="1" kern="1200">
          <a:solidFill>
            <a:schemeClr val="tx1"/>
          </a:solidFill>
          <a:latin typeface="Adelle Sans" panose="02000503000000020004" pitchFamily="50" charset="0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Adelle Sans" panose="02000503000000020004" pitchFamily="50" charset="0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Adelle Sans" panose="02000503000000020004" pitchFamily="50" charset="0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Adelle Sans" panose="02000503000000020004" pitchFamily="50" charset="0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Adelle Sans" panose="02000503000000020004" pitchFamily="50" charset="0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Adelle Sans" panose="02000503000000020004" pitchFamily="50" charset="0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12.jpe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89.xml"/><Relationship Id="rId6" Type="http://schemas.openxmlformats.org/officeDocument/2006/relationships/image" Target="../media/image14.png"/><Relationship Id="rId5" Type="http://schemas.openxmlformats.org/officeDocument/2006/relationships/image" Target="../media/image13.emf"/><Relationship Id="rId4" Type="http://schemas.openxmlformats.org/officeDocument/2006/relationships/oleObject" Target="../embeddings/oleObject1.bin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4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4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5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2">
            <a:extLst>
              <a:ext uri="{FF2B5EF4-FFF2-40B4-BE49-F238E27FC236}">
                <a16:creationId xmlns:a16="http://schemas.microsoft.com/office/drawing/2014/main" id="{85D53CC1-190F-F4CD-1F78-E7097E12829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8501" b="16499"/>
          <a:stretch>
            <a:fillRect/>
          </a:stretch>
        </p:blipFill>
        <p:spPr bwMode="auto">
          <a:xfrm>
            <a:off x="20" y="10"/>
            <a:ext cx="12191979" cy="6857990"/>
          </a:xfrm>
          <a:custGeom>
            <a:avLst/>
            <a:gdLst>
              <a:gd name="connsiteX0" fmla="*/ 11666200 w 12191999"/>
              <a:gd name="connsiteY0" fmla="*/ 756760 h 6858000"/>
              <a:gd name="connsiteX1" fmla="*/ 11678975 w 12191999"/>
              <a:gd name="connsiteY1" fmla="*/ 761119 h 6858000"/>
              <a:gd name="connsiteX2" fmla="*/ 11678975 w 12191999"/>
              <a:gd name="connsiteY2" fmla="*/ 808195 h 6858000"/>
              <a:gd name="connsiteX3" fmla="*/ 11678845 w 12191999"/>
              <a:gd name="connsiteY3" fmla="*/ 808195 h 6858000"/>
              <a:gd name="connsiteX4" fmla="*/ 11667095 w 12191999"/>
              <a:gd name="connsiteY4" fmla="*/ 813579 h 6858000"/>
              <a:gd name="connsiteX5" fmla="*/ 11644998 w 12191999"/>
              <a:gd name="connsiteY5" fmla="*/ 784080 h 6858000"/>
              <a:gd name="connsiteX6" fmla="*/ 11666200 w 12191999"/>
              <a:gd name="connsiteY6" fmla="*/ 756760 h 6858000"/>
              <a:gd name="connsiteX7" fmla="*/ 11553608 w 12191999"/>
              <a:gd name="connsiteY7" fmla="*/ 755951 h 6858000"/>
              <a:gd name="connsiteX8" fmla="*/ 11565369 w 12191999"/>
              <a:gd name="connsiteY8" fmla="*/ 760439 h 6858000"/>
              <a:gd name="connsiteX9" fmla="*/ 11571638 w 12191999"/>
              <a:gd name="connsiteY9" fmla="*/ 784954 h 6858000"/>
              <a:gd name="connsiteX10" fmla="*/ 11565369 w 12191999"/>
              <a:gd name="connsiteY10" fmla="*/ 809339 h 6858000"/>
              <a:gd name="connsiteX11" fmla="*/ 11553608 w 12191999"/>
              <a:gd name="connsiteY11" fmla="*/ 813698 h 6858000"/>
              <a:gd name="connsiteX12" fmla="*/ 11542106 w 12191999"/>
              <a:gd name="connsiteY12" fmla="*/ 809339 h 6858000"/>
              <a:gd name="connsiteX13" fmla="*/ 11535837 w 12191999"/>
              <a:gd name="connsiteY13" fmla="*/ 784954 h 6858000"/>
              <a:gd name="connsiteX14" fmla="*/ 11542106 w 12191999"/>
              <a:gd name="connsiteY14" fmla="*/ 760439 h 6858000"/>
              <a:gd name="connsiteX15" fmla="*/ 11553608 w 12191999"/>
              <a:gd name="connsiteY15" fmla="*/ 755951 h 6858000"/>
              <a:gd name="connsiteX16" fmla="*/ 11389948 w 12191999"/>
              <a:gd name="connsiteY16" fmla="*/ 755951 h 6858000"/>
              <a:gd name="connsiteX17" fmla="*/ 11401504 w 12191999"/>
              <a:gd name="connsiteY17" fmla="*/ 760439 h 6858000"/>
              <a:gd name="connsiteX18" fmla="*/ 11407795 w 12191999"/>
              <a:gd name="connsiteY18" fmla="*/ 784954 h 6858000"/>
              <a:gd name="connsiteX19" fmla="*/ 11401504 w 12191999"/>
              <a:gd name="connsiteY19" fmla="*/ 809339 h 6858000"/>
              <a:gd name="connsiteX20" fmla="*/ 11389948 w 12191999"/>
              <a:gd name="connsiteY20" fmla="*/ 813698 h 6858000"/>
              <a:gd name="connsiteX21" fmla="*/ 11378133 w 12191999"/>
              <a:gd name="connsiteY21" fmla="*/ 809339 h 6858000"/>
              <a:gd name="connsiteX22" fmla="*/ 11371843 w 12191999"/>
              <a:gd name="connsiteY22" fmla="*/ 784954 h 6858000"/>
              <a:gd name="connsiteX23" fmla="*/ 11378133 w 12191999"/>
              <a:gd name="connsiteY23" fmla="*/ 760439 h 6858000"/>
              <a:gd name="connsiteX24" fmla="*/ 11389948 w 12191999"/>
              <a:gd name="connsiteY24" fmla="*/ 755951 h 6858000"/>
              <a:gd name="connsiteX25" fmla="*/ 11267462 w 12191999"/>
              <a:gd name="connsiteY25" fmla="*/ 755951 h 6858000"/>
              <a:gd name="connsiteX26" fmla="*/ 11279148 w 12191999"/>
              <a:gd name="connsiteY26" fmla="*/ 760439 h 6858000"/>
              <a:gd name="connsiteX27" fmla="*/ 11285438 w 12191999"/>
              <a:gd name="connsiteY27" fmla="*/ 784954 h 6858000"/>
              <a:gd name="connsiteX28" fmla="*/ 11279148 w 12191999"/>
              <a:gd name="connsiteY28" fmla="*/ 809339 h 6858000"/>
              <a:gd name="connsiteX29" fmla="*/ 11267462 w 12191999"/>
              <a:gd name="connsiteY29" fmla="*/ 813698 h 6858000"/>
              <a:gd name="connsiteX30" fmla="*/ 11255907 w 12191999"/>
              <a:gd name="connsiteY30" fmla="*/ 809339 h 6858000"/>
              <a:gd name="connsiteX31" fmla="*/ 11249616 w 12191999"/>
              <a:gd name="connsiteY31" fmla="*/ 784954 h 6858000"/>
              <a:gd name="connsiteX32" fmla="*/ 11255907 w 12191999"/>
              <a:gd name="connsiteY32" fmla="*/ 760439 h 6858000"/>
              <a:gd name="connsiteX33" fmla="*/ 11267462 w 12191999"/>
              <a:gd name="connsiteY33" fmla="*/ 755951 h 6858000"/>
              <a:gd name="connsiteX34" fmla="*/ 11708668 w 12191999"/>
              <a:gd name="connsiteY34" fmla="*/ 750005 h 6858000"/>
              <a:gd name="connsiteX35" fmla="*/ 11706381 w 12191999"/>
              <a:gd name="connsiteY35" fmla="*/ 752433 h 6858000"/>
              <a:gd name="connsiteX36" fmla="*/ 11706381 w 12191999"/>
              <a:gd name="connsiteY36" fmla="*/ 817032 h 6858000"/>
              <a:gd name="connsiteX37" fmla="*/ 11708420 w 12191999"/>
              <a:gd name="connsiteY37" fmla="*/ 819459 h 6858000"/>
              <a:gd name="connsiteX38" fmla="*/ 11715671 w 12191999"/>
              <a:gd name="connsiteY38" fmla="*/ 819459 h 6858000"/>
              <a:gd name="connsiteX39" fmla="*/ 11718206 w 12191999"/>
              <a:gd name="connsiteY39" fmla="*/ 817032 h 6858000"/>
              <a:gd name="connsiteX40" fmla="*/ 11718206 w 12191999"/>
              <a:gd name="connsiteY40" fmla="*/ 752433 h 6858000"/>
              <a:gd name="connsiteX41" fmla="*/ 11715660 w 12191999"/>
              <a:gd name="connsiteY41" fmla="*/ 750005 h 6858000"/>
              <a:gd name="connsiteX42" fmla="*/ 11708668 w 12191999"/>
              <a:gd name="connsiteY42" fmla="*/ 750005 h 6858000"/>
              <a:gd name="connsiteX43" fmla="*/ 11826514 w 12191999"/>
              <a:gd name="connsiteY43" fmla="*/ 749671 h 6858000"/>
              <a:gd name="connsiteX44" fmla="*/ 11822404 w 12191999"/>
              <a:gd name="connsiteY44" fmla="*/ 751851 h 6858000"/>
              <a:gd name="connsiteX45" fmla="*/ 11798623 w 12191999"/>
              <a:gd name="connsiteY45" fmla="*/ 781695 h 6858000"/>
              <a:gd name="connsiteX46" fmla="*/ 11798105 w 12191999"/>
              <a:gd name="connsiteY46" fmla="*/ 782461 h 6858000"/>
              <a:gd name="connsiteX47" fmla="*/ 11798234 w 12191999"/>
              <a:gd name="connsiteY47" fmla="*/ 783227 h 6858000"/>
              <a:gd name="connsiteX48" fmla="*/ 11822145 w 12191999"/>
              <a:gd name="connsiteY48" fmla="*/ 817420 h 6858000"/>
              <a:gd name="connsiteX49" fmla="*/ 11826126 w 12191999"/>
              <a:gd name="connsiteY49" fmla="*/ 819470 h 6858000"/>
              <a:gd name="connsiteX50" fmla="*/ 11835254 w 12191999"/>
              <a:gd name="connsiteY50" fmla="*/ 819470 h 6858000"/>
              <a:gd name="connsiteX51" fmla="*/ 11837175 w 12191999"/>
              <a:gd name="connsiteY51" fmla="*/ 817798 h 6858000"/>
              <a:gd name="connsiteX52" fmla="*/ 11836279 w 12191999"/>
              <a:gd name="connsiteY52" fmla="*/ 816136 h 6858000"/>
              <a:gd name="connsiteX53" fmla="*/ 11810826 w 12191999"/>
              <a:gd name="connsiteY53" fmla="*/ 782450 h 6858000"/>
              <a:gd name="connsiteX54" fmla="*/ 11810567 w 12191999"/>
              <a:gd name="connsiteY54" fmla="*/ 782192 h 6858000"/>
              <a:gd name="connsiteX55" fmla="*/ 11834607 w 12191999"/>
              <a:gd name="connsiteY55" fmla="*/ 753890 h 6858000"/>
              <a:gd name="connsiteX56" fmla="*/ 11835254 w 12191999"/>
              <a:gd name="connsiteY56" fmla="*/ 751203 h 6858000"/>
              <a:gd name="connsiteX57" fmla="*/ 11832816 w 12191999"/>
              <a:gd name="connsiteY57" fmla="*/ 749671 h 6858000"/>
              <a:gd name="connsiteX58" fmla="*/ 11826514 w 12191999"/>
              <a:gd name="connsiteY58" fmla="*/ 749671 h 6858000"/>
              <a:gd name="connsiteX59" fmla="*/ 11301634 w 12191999"/>
              <a:gd name="connsiteY59" fmla="*/ 749671 h 6858000"/>
              <a:gd name="connsiteX60" fmla="*/ 11299832 w 12191999"/>
              <a:gd name="connsiteY60" fmla="*/ 751462 h 6858000"/>
              <a:gd name="connsiteX61" fmla="*/ 11300350 w 12191999"/>
              <a:gd name="connsiteY61" fmla="*/ 753383 h 6858000"/>
              <a:gd name="connsiteX62" fmla="*/ 11324605 w 12191999"/>
              <a:gd name="connsiteY62" fmla="*/ 817399 h 6858000"/>
              <a:gd name="connsiteX63" fmla="*/ 11326785 w 12191999"/>
              <a:gd name="connsiteY63" fmla="*/ 819449 h 6858000"/>
              <a:gd name="connsiteX64" fmla="*/ 11332050 w 12191999"/>
              <a:gd name="connsiteY64" fmla="*/ 819449 h 6858000"/>
              <a:gd name="connsiteX65" fmla="*/ 11334489 w 12191999"/>
              <a:gd name="connsiteY65" fmla="*/ 817399 h 6858000"/>
              <a:gd name="connsiteX66" fmla="*/ 11358108 w 12191999"/>
              <a:gd name="connsiteY66" fmla="*/ 753135 h 6858000"/>
              <a:gd name="connsiteX67" fmla="*/ 11358366 w 12191999"/>
              <a:gd name="connsiteY67" fmla="*/ 751085 h 6858000"/>
              <a:gd name="connsiteX68" fmla="*/ 11356694 w 12191999"/>
              <a:gd name="connsiteY68" fmla="*/ 749671 h 6858000"/>
              <a:gd name="connsiteX69" fmla="*/ 11350015 w 12191999"/>
              <a:gd name="connsiteY69" fmla="*/ 749671 h 6858000"/>
              <a:gd name="connsiteX70" fmla="*/ 11348343 w 12191999"/>
              <a:gd name="connsiteY70" fmla="*/ 751592 h 6858000"/>
              <a:gd name="connsiteX71" fmla="*/ 11330885 w 12191999"/>
              <a:gd name="connsiteY71" fmla="*/ 802908 h 6858000"/>
              <a:gd name="connsiteX72" fmla="*/ 11312920 w 12191999"/>
              <a:gd name="connsiteY72" fmla="*/ 751851 h 6858000"/>
              <a:gd name="connsiteX73" fmla="*/ 11309845 w 12191999"/>
              <a:gd name="connsiteY73" fmla="*/ 749671 h 6858000"/>
              <a:gd name="connsiteX74" fmla="*/ 11301634 w 12191999"/>
              <a:gd name="connsiteY74" fmla="*/ 749671 h 6858000"/>
              <a:gd name="connsiteX75" fmla="*/ 11754223 w 12191999"/>
              <a:gd name="connsiteY75" fmla="*/ 748506 h 6858000"/>
              <a:gd name="connsiteX76" fmla="*/ 11731241 w 12191999"/>
              <a:gd name="connsiteY76" fmla="*/ 767625 h 6858000"/>
              <a:gd name="connsiteX77" fmla="*/ 11749346 w 12191999"/>
              <a:gd name="connsiteY77" fmla="*/ 788417 h 6858000"/>
              <a:gd name="connsiteX78" fmla="*/ 11764236 w 12191999"/>
              <a:gd name="connsiteY78" fmla="*/ 801894 h 6858000"/>
              <a:gd name="connsiteX79" fmla="*/ 11750500 w 12191999"/>
              <a:gd name="connsiteY79" fmla="*/ 813698 h 6858000"/>
              <a:gd name="connsiteX80" fmla="*/ 11733679 w 12191999"/>
              <a:gd name="connsiteY80" fmla="*/ 806641 h 6858000"/>
              <a:gd name="connsiteX81" fmla="*/ 11728673 w 12191999"/>
              <a:gd name="connsiteY81" fmla="*/ 811130 h 6858000"/>
              <a:gd name="connsiteX82" fmla="*/ 11750241 w 12191999"/>
              <a:gd name="connsiteY82" fmla="*/ 821402 h 6858000"/>
              <a:gd name="connsiteX83" fmla="*/ 11774896 w 12191999"/>
              <a:gd name="connsiteY83" fmla="*/ 800610 h 6858000"/>
              <a:gd name="connsiteX84" fmla="*/ 11741901 w 12191999"/>
              <a:gd name="connsiteY84" fmla="*/ 766471 h 6858000"/>
              <a:gd name="connsiteX85" fmla="*/ 11753457 w 12191999"/>
              <a:gd name="connsiteY85" fmla="*/ 756199 h 6858000"/>
              <a:gd name="connsiteX86" fmla="*/ 11767322 w 12191999"/>
              <a:gd name="connsiteY86" fmla="*/ 761335 h 6858000"/>
              <a:gd name="connsiteX87" fmla="*/ 11772328 w 12191999"/>
              <a:gd name="connsiteY87" fmla="*/ 756587 h 6858000"/>
              <a:gd name="connsiteX88" fmla="*/ 11754223 w 12191999"/>
              <a:gd name="connsiteY88" fmla="*/ 748506 h 6858000"/>
              <a:gd name="connsiteX89" fmla="*/ 11614257 w 12191999"/>
              <a:gd name="connsiteY89" fmla="*/ 748117 h 6858000"/>
              <a:gd name="connsiteX90" fmla="*/ 11599001 w 12191999"/>
              <a:gd name="connsiteY90" fmla="*/ 750167 h 6858000"/>
              <a:gd name="connsiteX91" fmla="*/ 11592721 w 12191999"/>
              <a:gd name="connsiteY91" fmla="*/ 755659 h 6858000"/>
              <a:gd name="connsiteX92" fmla="*/ 11592721 w 12191999"/>
              <a:gd name="connsiteY92" fmla="*/ 816902 h 6858000"/>
              <a:gd name="connsiteX93" fmla="*/ 11595418 w 12191999"/>
              <a:gd name="connsiteY93" fmla="*/ 819071 h 6858000"/>
              <a:gd name="connsiteX94" fmla="*/ 11602216 w 12191999"/>
              <a:gd name="connsiteY94" fmla="*/ 819071 h 6858000"/>
              <a:gd name="connsiteX95" fmla="*/ 11604654 w 12191999"/>
              <a:gd name="connsiteY95" fmla="*/ 816902 h 6858000"/>
              <a:gd name="connsiteX96" fmla="*/ 11604654 w 12191999"/>
              <a:gd name="connsiteY96" fmla="*/ 760774 h 6858000"/>
              <a:gd name="connsiteX97" fmla="*/ 11611452 w 12191999"/>
              <a:gd name="connsiteY97" fmla="*/ 754764 h 6858000"/>
              <a:gd name="connsiteX98" fmla="*/ 11625943 w 12191999"/>
              <a:gd name="connsiteY98" fmla="*/ 761033 h 6858000"/>
              <a:gd name="connsiteX99" fmla="*/ 11631823 w 12191999"/>
              <a:gd name="connsiteY99" fmla="*/ 755152 h 6858000"/>
              <a:gd name="connsiteX100" fmla="*/ 11614257 w 12191999"/>
              <a:gd name="connsiteY100" fmla="*/ 748117 h 6858000"/>
              <a:gd name="connsiteX101" fmla="*/ 11553619 w 12191999"/>
              <a:gd name="connsiteY101" fmla="*/ 748117 h 6858000"/>
              <a:gd name="connsiteX102" fmla="*/ 11536236 w 12191999"/>
              <a:gd name="connsiteY102" fmla="*/ 753124 h 6858000"/>
              <a:gd name="connsiteX103" fmla="*/ 11523450 w 12191999"/>
              <a:gd name="connsiteY103" fmla="*/ 784954 h 6858000"/>
              <a:gd name="connsiteX104" fmla="*/ 11536236 w 12191999"/>
              <a:gd name="connsiteY104" fmla="*/ 816654 h 6858000"/>
              <a:gd name="connsiteX105" fmla="*/ 11553619 w 12191999"/>
              <a:gd name="connsiteY105" fmla="*/ 821531 h 6858000"/>
              <a:gd name="connsiteX106" fmla="*/ 11571001 w 12191999"/>
              <a:gd name="connsiteY106" fmla="*/ 816654 h 6858000"/>
              <a:gd name="connsiteX107" fmla="*/ 11583917 w 12191999"/>
              <a:gd name="connsiteY107" fmla="*/ 784954 h 6858000"/>
              <a:gd name="connsiteX108" fmla="*/ 11571001 w 12191999"/>
              <a:gd name="connsiteY108" fmla="*/ 753124 h 6858000"/>
              <a:gd name="connsiteX109" fmla="*/ 11553619 w 12191999"/>
              <a:gd name="connsiteY109" fmla="*/ 748117 h 6858000"/>
              <a:gd name="connsiteX110" fmla="*/ 11486031 w 12191999"/>
              <a:gd name="connsiteY110" fmla="*/ 748117 h 6858000"/>
              <a:gd name="connsiteX111" fmla="*/ 11465229 w 12191999"/>
              <a:gd name="connsiteY111" fmla="*/ 751452 h 6858000"/>
              <a:gd name="connsiteX112" fmla="*/ 11459230 w 12191999"/>
              <a:gd name="connsiteY112" fmla="*/ 756965 h 6858000"/>
              <a:gd name="connsiteX113" fmla="*/ 11459230 w 12191999"/>
              <a:gd name="connsiteY113" fmla="*/ 817010 h 6858000"/>
              <a:gd name="connsiteX114" fmla="*/ 11461787 w 12191999"/>
              <a:gd name="connsiteY114" fmla="*/ 819449 h 6858000"/>
              <a:gd name="connsiteX115" fmla="*/ 11468422 w 12191999"/>
              <a:gd name="connsiteY115" fmla="*/ 819449 h 6858000"/>
              <a:gd name="connsiteX116" fmla="*/ 11471228 w 12191999"/>
              <a:gd name="connsiteY116" fmla="*/ 816751 h 6858000"/>
              <a:gd name="connsiteX117" fmla="*/ 11471228 w 12191999"/>
              <a:gd name="connsiteY117" fmla="*/ 761454 h 6858000"/>
              <a:gd name="connsiteX118" fmla="*/ 11485654 w 12191999"/>
              <a:gd name="connsiteY118" fmla="*/ 755422 h 6858000"/>
              <a:gd name="connsiteX119" fmla="*/ 11501223 w 12191999"/>
              <a:gd name="connsiteY119" fmla="*/ 771844 h 6858000"/>
              <a:gd name="connsiteX120" fmla="*/ 11501223 w 12191999"/>
              <a:gd name="connsiteY120" fmla="*/ 816751 h 6858000"/>
              <a:gd name="connsiteX121" fmla="*/ 11504288 w 12191999"/>
              <a:gd name="connsiteY121" fmla="*/ 819449 h 6858000"/>
              <a:gd name="connsiteX122" fmla="*/ 11511690 w 12191999"/>
              <a:gd name="connsiteY122" fmla="*/ 819449 h 6858000"/>
              <a:gd name="connsiteX123" fmla="*/ 11512963 w 12191999"/>
              <a:gd name="connsiteY123" fmla="*/ 816762 h 6858000"/>
              <a:gd name="connsiteX124" fmla="*/ 11512963 w 12191999"/>
              <a:gd name="connsiteY124" fmla="*/ 770312 h 6858000"/>
              <a:gd name="connsiteX125" fmla="*/ 11486031 w 12191999"/>
              <a:gd name="connsiteY125" fmla="*/ 748117 h 6858000"/>
              <a:gd name="connsiteX126" fmla="*/ 11389700 w 12191999"/>
              <a:gd name="connsiteY126" fmla="*/ 748117 h 6858000"/>
              <a:gd name="connsiteX127" fmla="*/ 11372242 w 12191999"/>
              <a:gd name="connsiteY127" fmla="*/ 753124 h 6858000"/>
              <a:gd name="connsiteX128" fmla="*/ 11359402 w 12191999"/>
              <a:gd name="connsiteY128" fmla="*/ 784954 h 6858000"/>
              <a:gd name="connsiteX129" fmla="*/ 11372242 w 12191999"/>
              <a:gd name="connsiteY129" fmla="*/ 816654 h 6858000"/>
              <a:gd name="connsiteX130" fmla="*/ 11389700 w 12191999"/>
              <a:gd name="connsiteY130" fmla="*/ 821531 h 6858000"/>
              <a:gd name="connsiteX131" fmla="*/ 11407158 w 12191999"/>
              <a:gd name="connsiteY131" fmla="*/ 816654 h 6858000"/>
              <a:gd name="connsiteX132" fmla="*/ 11420127 w 12191999"/>
              <a:gd name="connsiteY132" fmla="*/ 784954 h 6858000"/>
              <a:gd name="connsiteX133" fmla="*/ 11407158 w 12191999"/>
              <a:gd name="connsiteY133" fmla="*/ 753124 h 6858000"/>
              <a:gd name="connsiteX134" fmla="*/ 11389700 w 12191999"/>
              <a:gd name="connsiteY134" fmla="*/ 748117 h 6858000"/>
              <a:gd name="connsiteX135" fmla="*/ 11267473 w 12191999"/>
              <a:gd name="connsiteY135" fmla="*/ 748117 h 6858000"/>
              <a:gd name="connsiteX136" fmla="*/ 11250015 w 12191999"/>
              <a:gd name="connsiteY136" fmla="*/ 753124 h 6858000"/>
              <a:gd name="connsiteX137" fmla="*/ 11237046 w 12191999"/>
              <a:gd name="connsiteY137" fmla="*/ 784954 h 6858000"/>
              <a:gd name="connsiteX138" fmla="*/ 11250015 w 12191999"/>
              <a:gd name="connsiteY138" fmla="*/ 816654 h 6858000"/>
              <a:gd name="connsiteX139" fmla="*/ 11267473 w 12191999"/>
              <a:gd name="connsiteY139" fmla="*/ 821531 h 6858000"/>
              <a:gd name="connsiteX140" fmla="*/ 11284931 w 12191999"/>
              <a:gd name="connsiteY140" fmla="*/ 816654 h 6858000"/>
              <a:gd name="connsiteX141" fmla="*/ 11297771 w 12191999"/>
              <a:gd name="connsiteY141" fmla="*/ 784954 h 6858000"/>
              <a:gd name="connsiteX142" fmla="*/ 11284931 w 12191999"/>
              <a:gd name="connsiteY142" fmla="*/ 753124 h 6858000"/>
              <a:gd name="connsiteX143" fmla="*/ 11267473 w 12191999"/>
              <a:gd name="connsiteY143" fmla="*/ 748117 h 6858000"/>
              <a:gd name="connsiteX144" fmla="*/ 11199756 w 12191999"/>
              <a:gd name="connsiteY144" fmla="*/ 748117 h 6858000"/>
              <a:gd name="connsiteX145" fmla="*/ 11178857 w 12191999"/>
              <a:gd name="connsiteY145" fmla="*/ 751452 h 6858000"/>
              <a:gd name="connsiteX146" fmla="*/ 11172825 w 12191999"/>
              <a:gd name="connsiteY146" fmla="*/ 756965 h 6858000"/>
              <a:gd name="connsiteX147" fmla="*/ 11172825 w 12191999"/>
              <a:gd name="connsiteY147" fmla="*/ 817010 h 6858000"/>
              <a:gd name="connsiteX148" fmla="*/ 11175263 w 12191999"/>
              <a:gd name="connsiteY148" fmla="*/ 819449 h 6858000"/>
              <a:gd name="connsiteX149" fmla="*/ 11181932 w 12191999"/>
              <a:gd name="connsiteY149" fmla="*/ 819449 h 6858000"/>
              <a:gd name="connsiteX150" fmla="*/ 11184748 w 12191999"/>
              <a:gd name="connsiteY150" fmla="*/ 816751 h 6858000"/>
              <a:gd name="connsiteX151" fmla="*/ 11184748 w 12191999"/>
              <a:gd name="connsiteY151" fmla="*/ 761454 h 6858000"/>
              <a:gd name="connsiteX152" fmla="*/ 11199238 w 12191999"/>
              <a:gd name="connsiteY152" fmla="*/ 755422 h 6858000"/>
              <a:gd name="connsiteX153" fmla="*/ 11214884 w 12191999"/>
              <a:gd name="connsiteY153" fmla="*/ 771844 h 6858000"/>
              <a:gd name="connsiteX154" fmla="*/ 11214884 w 12191999"/>
              <a:gd name="connsiteY154" fmla="*/ 816751 h 6858000"/>
              <a:gd name="connsiteX155" fmla="*/ 11217959 w 12191999"/>
              <a:gd name="connsiteY155" fmla="*/ 819449 h 6858000"/>
              <a:gd name="connsiteX156" fmla="*/ 11225393 w 12191999"/>
              <a:gd name="connsiteY156" fmla="*/ 819449 h 6858000"/>
              <a:gd name="connsiteX157" fmla="*/ 11226817 w 12191999"/>
              <a:gd name="connsiteY157" fmla="*/ 816762 h 6858000"/>
              <a:gd name="connsiteX158" fmla="*/ 11226817 w 12191999"/>
              <a:gd name="connsiteY158" fmla="*/ 770312 h 6858000"/>
              <a:gd name="connsiteX159" fmla="*/ 11199756 w 12191999"/>
              <a:gd name="connsiteY159" fmla="*/ 748117 h 6858000"/>
              <a:gd name="connsiteX160" fmla="*/ 11681273 w 12191999"/>
              <a:gd name="connsiteY160" fmla="*/ 724801 h 6858000"/>
              <a:gd name="connsiteX161" fmla="*/ 11678845 w 12191999"/>
              <a:gd name="connsiteY161" fmla="*/ 727876 h 6858000"/>
              <a:gd name="connsiteX162" fmla="*/ 11678845 w 12191999"/>
              <a:gd name="connsiteY162" fmla="*/ 752250 h 6858000"/>
              <a:gd name="connsiteX163" fmla="*/ 11664279 w 12191999"/>
              <a:gd name="connsiteY163" fmla="*/ 748527 h 6858000"/>
              <a:gd name="connsiteX164" fmla="*/ 11632848 w 12191999"/>
              <a:gd name="connsiteY164" fmla="*/ 784954 h 6858000"/>
              <a:gd name="connsiteX165" fmla="*/ 11666707 w 12191999"/>
              <a:gd name="connsiteY165" fmla="*/ 821510 h 6858000"/>
              <a:gd name="connsiteX166" fmla="*/ 11690477 w 12191999"/>
              <a:gd name="connsiteY166" fmla="*/ 812036 h 6858000"/>
              <a:gd name="connsiteX167" fmla="*/ 11690477 w 12191999"/>
              <a:gd name="connsiteY167" fmla="*/ 727498 h 6858000"/>
              <a:gd name="connsiteX168" fmla="*/ 11687919 w 12191999"/>
              <a:gd name="connsiteY168" fmla="*/ 724801 h 6858000"/>
              <a:gd name="connsiteX169" fmla="*/ 11681273 w 12191999"/>
              <a:gd name="connsiteY169" fmla="*/ 724801 h 6858000"/>
              <a:gd name="connsiteX170" fmla="*/ 11786797 w 12191999"/>
              <a:gd name="connsiteY170" fmla="*/ 724552 h 6858000"/>
              <a:gd name="connsiteX171" fmla="*/ 11784607 w 12191999"/>
              <a:gd name="connsiteY171" fmla="*/ 726732 h 6858000"/>
              <a:gd name="connsiteX172" fmla="*/ 11784607 w 12191999"/>
              <a:gd name="connsiteY172" fmla="*/ 817280 h 6858000"/>
              <a:gd name="connsiteX173" fmla="*/ 11786797 w 12191999"/>
              <a:gd name="connsiteY173" fmla="*/ 819330 h 6858000"/>
              <a:gd name="connsiteX174" fmla="*/ 11793864 w 12191999"/>
              <a:gd name="connsiteY174" fmla="*/ 819330 h 6858000"/>
              <a:gd name="connsiteX175" fmla="*/ 11796303 w 12191999"/>
              <a:gd name="connsiteY175" fmla="*/ 817409 h 6858000"/>
              <a:gd name="connsiteX176" fmla="*/ 11796303 w 12191999"/>
              <a:gd name="connsiteY176" fmla="*/ 726473 h 6858000"/>
              <a:gd name="connsiteX177" fmla="*/ 11793864 w 12191999"/>
              <a:gd name="connsiteY177" fmla="*/ 724552 h 6858000"/>
              <a:gd name="connsiteX178" fmla="*/ 11786797 w 12191999"/>
              <a:gd name="connsiteY178" fmla="*/ 724552 h 6858000"/>
              <a:gd name="connsiteX179" fmla="*/ 11712617 w 12191999"/>
              <a:gd name="connsiteY179" fmla="*/ 723776 h 6858000"/>
              <a:gd name="connsiteX180" fmla="*/ 11705237 w 12191999"/>
              <a:gd name="connsiteY180" fmla="*/ 730940 h 6858000"/>
              <a:gd name="connsiteX181" fmla="*/ 11712358 w 12191999"/>
              <a:gd name="connsiteY181" fmla="*/ 737975 h 6858000"/>
              <a:gd name="connsiteX182" fmla="*/ 11719609 w 12191999"/>
              <a:gd name="connsiteY182" fmla="*/ 730433 h 6858000"/>
              <a:gd name="connsiteX183" fmla="*/ 11712617 w 12191999"/>
              <a:gd name="connsiteY183" fmla="*/ 723776 h 6858000"/>
              <a:gd name="connsiteX184" fmla="*/ 11855021 w 12191999"/>
              <a:gd name="connsiteY184" fmla="*/ 713601 h 6858000"/>
              <a:gd name="connsiteX185" fmla="*/ 11855284 w 12191999"/>
              <a:gd name="connsiteY185" fmla="*/ 713794 h 6858000"/>
              <a:gd name="connsiteX186" fmla="*/ 11855021 w 12191999"/>
              <a:gd name="connsiteY186" fmla="*/ 713860 h 6858000"/>
              <a:gd name="connsiteX187" fmla="*/ 11855021 w 12191999"/>
              <a:gd name="connsiteY187" fmla="*/ 713601 h 6858000"/>
              <a:gd name="connsiteX188" fmla="*/ 11847209 w 12191999"/>
              <a:gd name="connsiteY188" fmla="*/ 704235 h 6858000"/>
              <a:gd name="connsiteX189" fmla="*/ 11851428 w 12191999"/>
              <a:gd name="connsiteY189" fmla="*/ 704235 h 6858000"/>
              <a:gd name="connsiteX190" fmla="*/ 11857190 w 12191999"/>
              <a:gd name="connsiteY190" fmla="*/ 707699 h 6858000"/>
              <a:gd name="connsiteX191" fmla="*/ 11851817 w 12191999"/>
              <a:gd name="connsiteY191" fmla="*/ 711162 h 6858000"/>
              <a:gd name="connsiteX192" fmla="*/ 11847209 w 12191999"/>
              <a:gd name="connsiteY192" fmla="*/ 711162 h 6858000"/>
              <a:gd name="connsiteX193" fmla="*/ 11843627 w 12191999"/>
              <a:gd name="connsiteY193" fmla="*/ 701020 h 6858000"/>
              <a:gd name="connsiteX194" fmla="*/ 11843627 w 12191999"/>
              <a:gd name="connsiteY194" fmla="*/ 724250 h 6858000"/>
              <a:gd name="connsiteX195" fmla="*/ 11847468 w 12191999"/>
              <a:gd name="connsiteY195" fmla="*/ 724250 h 6858000"/>
              <a:gd name="connsiteX196" fmla="*/ 11847468 w 12191999"/>
              <a:gd name="connsiteY196" fmla="*/ 714367 h 6858000"/>
              <a:gd name="connsiteX197" fmla="*/ 11849648 w 12191999"/>
              <a:gd name="connsiteY197" fmla="*/ 714367 h 6858000"/>
              <a:gd name="connsiteX198" fmla="*/ 11856553 w 12191999"/>
              <a:gd name="connsiteY198" fmla="*/ 720528 h 6858000"/>
              <a:gd name="connsiteX199" fmla="*/ 11858603 w 12191999"/>
              <a:gd name="connsiteY199" fmla="*/ 724121 h 6858000"/>
              <a:gd name="connsiteX200" fmla="*/ 11863081 w 12191999"/>
              <a:gd name="connsiteY200" fmla="*/ 724121 h 6858000"/>
              <a:gd name="connsiteX201" fmla="*/ 11860265 w 12191999"/>
              <a:gd name="connsiteY201" fmla="*/ 719503 h 6858000"/>
              <a:gd name="connsiteX202" fmla="*/ 11857064 w 12191999"/>
              <a:gd name="connsiteY202" fmla="*/ 715107 h 6858000"/>
              <a:gd name="connsiteX203" fmla="*/ 11855284 w 12191999"/>
              <a:gd name="connsiteY203" fmla="*/ 713794 h 6858000"/>
              <a:gd name="connsiteX204" fmla="*/ 11858039 w 12191999"/>
              <a:gd name="connsiteY204" fmla="*/ 713107 h 6858000"/>
              <a:gd name="connsiteX205" fmla="*/ 11861549 w 12191999"/>
              <a:gd name="connsiteY205" fmla="*/ 707310 h 6858000"/>
              <a:gd name="connsiteX206" fmla="*/ 11859370 w 12191999"/>
              <a:gd name="connsiteY206" fmla="*/ 702822 h 6858000"/>
              <a:gd name="connsiteX207" fmla="*/ 11851817 w 12191999"/>
              <a:gd name="connsiteY207" fmla="*/ 701020 h 6858000"/>
              <a:gd name="connsiteX208" fmla="*/ 11843627 w 12191999"/>
              <a:gd name="connsiteY208" fmla="*/ 701020 h 6858000"/>
              <a:gd name="connsiteX209" fmla="*/ 11852712 w 12191999"/>
              <a:gd name="connsiteY209" fmla="*/ 694611 h 6858000"/>
              <a:gd name="connsiteX210" fmla="*/ 11870623 w 12191999"/>
              <a:gd name="connsiteY210" fmla="*/ 712446 h 6858000"/>
              <a:gd name="connsiteX211" fmla="*/ 11852712 w 12191999"/>
              <a:gd name="connsiteY211" fmla="*/ 730541 h 6858000"/>
              <a:gd name="connsiteX212" fmla="*/ 11834931 w 12191999"/>
              <a:gd name="connsiteY212" fmla="*/ 712446 h 6858000"/>
              <a:gd name="connsiteX213" fmla="*/ 11852712 w 12191999"/>
              <a:gd name="connsiteY213" fmla="*/ 694611 h 6858000"/>
              <a:gd name="connsiteX214" fmla="*/ 11852712 w 12191999"/>
              <a:gd name="connsiteY214" fmla="*/ 690888 h 6858000"/>
              <a:gd name="connsiteX215" fmla="*/ 11831348 w 12191999"/>
              <a:gd name="connsiteY215" fmla="*/ 712446 h 6858000"/>
              <a:gd name="connsiteX216" fmla="*/ 11852712 w 12191999"/>
              <a:gd name="connsiteY216" fmla="*/ 734004 h 6858000"/>
              <a:gd name="connsiteX217" fmla="*/ 11874076 w 12191999"/>
              <a:gd name="connsiteY217" fmla="*/ 712446 h 6858000"/>
              <a:gd name="connsiteX218" fmla="*/ 11852712 w 12191999"/>
              <a:gd name="connsiteY218" fmla="*/ 690888 h 6858000"/>
              <a:gd name="connsiteX219" fmla="*/ 11639380 w 12191999"/>
              <a:gd name="connsiteY219" fmla="*/ 551044 h 6858000"/>
              <a:gd name="connsiteX220" fmla="*/ 11641189 w 12191999"/>
              <a:gd name="connsiteY220" fmla="*/ 551862 h 6858000"/>
              <a:gd name="connsiteX221" fmla="*/ 11644652 w 12191999"/>
              <a:gd name="connsiteY221" fmla="*/ 634274 h 6858000"/>
              <a:gd name="connsiteX222" fmla="*/ 11640682 w 12191999"/>
              <a:gd name="connsiteY222" fmla="*/ 633508 h 6858000"/>
              <a:gd name="connsiteX223" fmla="*/ 11634273 w 12191999"/>
              <a:gd name="connsiteY223" fmla="*/ 599671 h 6858000"/>
              <a:gd name="connsiteX224" fmla="*/ 11638243 w 12191999"/>
              <a:gd name="connsiteY224" fmla="*/ 552250 h 6858000"/>
              <a:gd name="connsiteX225" fmla="*/ 11639380 w 12191999"/>
              <a:gd name="connsiteY225" fmla="*/ 551044 h 6858000"/>
              <a:gd name="connsiteX226" fmla="*/ 11490639 w 12191999"/>
              <a:gd name="connsiteY226" fmla="*/ 502002 h 6858000"/>
              <a:gd name="connsiteX227" fmla="*/ 11550015 w 12191999"/>
              <a:gd name="connsiteY227" fmla="*/ 504052 h 6858000"/>
              <a:gd name="connsiteX228" fmla="*/ 11548343 w 12191999"/>
              <a:gd name="connsiteY228" fmla="*/ 536605 h 6858000"/>
              <a:gd name="connsiteX229" fmla="*/ 11499486 w 12191999"/>
              <a:gd name="connsiteY229" fmla="*/ 541094 h 6858000"/>
              <a:gd name="connsiteX230" fmla="*/ 11492948 w 12191999"/>
              <a:gd name="connsiteY230" fmla="*/ 533659 h 6858000"/>
              <a:gd name="connsiteX231" fmla="*/ 11490639 w 12191999"/>
              <a:gd name="connsiteY231" fmla="*/ 502002 h 6858000"/>
              <a:gd name="connsiteX232" fmla="*/ 11594253 w 12191999"/>
              <a:gd name="connsiteY232" fmla="*/ 498797 h 6858000"/>
              <a:gd name="connsiteX233" fmla="*/ 11598612 w 12191999"/>
              <a:gd name="connsiteY233" fmla="*/ 520075 h 6858000"/>
              <a:gd name="connsiteX234" fmla="*/ 11588351 w 12191999"/>
              <a:gd name="connsiteY234" fmla="*/ 527509 h 6858000"/>
              <a:gd name="connsiteX235" fmla="*/ 11580011 w 12191999"/>
              <a:gd name="connsiteY235" fmla="*/ 500718 h 6858000"/>
              <a:gd name="connsiteX236" fmla="*/ 11594253 w 12191999"/>
              <a:gd name="connsiteY236" fmla="*/ 498797 h 6858000"/>
              <a:gd name="connsiteX237" fmla="*/ 11441405 w 12191999"/>
              <a:gd name="connsiteY237" fmla="*/ 491374 h 6858000"/>
              <a:gd name="connsiteX238" fmla="*/ 11460384 w 12191999"/>
              <a:gd name="connsiteY238" fmla="*/ 496499 h 6858000"/>
              <a:gd name="connsiteX239" fmla="*/ 11442948 w 12191999"/>
              <a:gd name="connsiteY239" fmla="*/ 533670 h 6858000"/>
              <a:gd name="connsiteX240" fmla="*/ 11434607 w 12191999"/>
              <a:gd name="connsiteY240" fmla="*/ 527132 h 6858000"/>
              <a:gd name="connsiteX241" fmla="*/ 11441405 w 12191999"/>
              <a:gd name="connsiteY241" fmla="*/ 491374 h 6858000"/>
              <a:gd name="connsiteX242" fmla="*/ 11419441 w 12191999"/>
              <a:gd name="connsiteY242" fmla="*/ 484343 h 6858000"/>
              <a:gd name="connsiteX243" fmla="*/ 11431543 w 12191999"/>
              <a:gd name="connsiteY243" fmla="*/ 488299 h 6858000"/>
              <a:gd name="connsiteX244" fmla="*/ 11423202 w 12191999"/>
              <a:gd name="connsiteY244" fmla="*/ 532257 h 6858000"/>
              <a:gd name="connsiteX245" fmla="*/ 11444102 w 12191999"/>
              <a:gd name="connsiteY245" fmla="*/ 543154 h 6858000"/>
              <a:gd name="connsiteX246" fmla="*/ 11469620 w 12191999"/>
              <a:gd name="connsiteY246" fmla="*/ 498549 h 6858000"/>
              <a:gd name="connsiteX247" fmla="*/ 11481672 w 12191999"/>
              <a:gd name="connsiteY247" fmla="*/ 500729 h 6858000"/>
              <a:gd name="connsiteX248" fmla="*/ 11485395 w 12191999"/>
              <a:gd name="connsiteY248" fmla="*/ 542507 h 6858000"/>
              <a:gd name="connsiteX249" fmla="*/ 11498472 w 12191999"/>
              <a:gd name="connsiteY249" fmla="*/ 550707 h 6858000"/>
              <a:gd name="connsiteX250" fmla="*/ 11555917 w 12191999"/>
              <a:gd name="connsiteY250" fmla="*/ 543532 h 6858000"/>
              <a:gd name="connsiteX251" fmla="*/ 11559122 w 12191999"/>
              <a:gd name="connsiteY251" fmla="*/ 503286 h 6858000"/>
              <a:gd name="connsiteX252" fmla="*/ 11570149 w 12191999"/>
              <a:gd name="connsiteY252" fmla="*/ 502002 h 6858000"/>
              <a:gd name="connsiteX253" fmla="*/ 11579385 w 12191999"/>
              <a:gd name="connsiteY253" fmla="*/ 528405 h 6858000"/>
              <a:gd name="connsiteX254" fmla="*/ 11598752 w 12191999"/>
              <a:gd name="connsiteY254" fmla="*/ 531739 h 6858000"/>
              <a:gd name="connsiteX255" fmla="*/ 11602723 w 12191999"/>
              <a:gd name="connsiteY255" fmla="*/ 497773 h 6858000"/>
              <a:gd name="connsiteX256" fmla="*/ 11625673 w 12191999"/>
              <a:gd name="connsiteY256" fmla="*/ 533282 h 6858000"/>
              <a:gd name="connsiteX257" fmla="*/ 11612855 w 12191999"/>
              <a:gd name="connsiteY257" fmla="*/ 586216 h 6858000"/>
              <a:gd name="connsiteX258" fmla="*/ 11537326 w 12191999"/>
              <a:gd name="connsiteY258" fmla="*/ 569428 h 6858000"/>
              <a:gd name="connsiteX259" fmla="*/ 11459488 w 12191999"/>
              <a:gd name="connsiteY259" fmla="*/ 611465 h 6858000"/>
              <a:gd name="connsiteX260" fmla="*/ 11456154 w 12191999"/>
              <a:gd name="connsiteY260" fmla="*/ 612360 h 6858000"/>
              <a:gd name="connsiteX261" fmla="*/ 11418325 w 12191999"/>
              <a:gd name="connsiteY261" fmla="*/ 585191 h 6858000"/>
              <a:gd name="connsiteX262" fmla="*/ 11388707 w 12191999"/>
              <a:gd name="connsiteY262" fmla="*/ 549434 h 6858000"/>
              <a:gd name="connsiteX263" fmla="*/ 11414743 w 12191999"/>
              <a:gd name="connsiteY263" fmla="*/ 487403 h 6858000"/>
              <a:gd name="connsiteX264" fmla="*/ 11419441 w 12191999"/>
              <a:gd name="connsiteY264" fmla="*/ 484343 h 6858000"/>
              <a:gd name="connsiteX265" fmla="*/ 11358173 w 12191999"/>
              <a:gd name="connsiteY265" fmla="*/ 469801 h 6858000"/>
              <a:gd name="connsiteX266" fmla="*/ 11346260 w 12191999"/>
              <a:gd name="connsiteY266" fmla="*/ 478275 h 6858000"/>
              <a:gd name="connsiteX267" fmla="*/ 11361744 w 12191999"/>
              <a:gd name="connsiteY267" fmla="*/ 470744 h 6858000"/>
              <a:gd name="connsiteX268" fmla="*/ 11358173 w 12191999"/>
              <a:gd name="connsiteY268" fmla="*/ 469801 h 6858000"/>
              <a:gd name="connsiteX269" fmla="*/ 11354455 w 12191999"/>
              <a:gd name="connsiteY269" fmla="*/ 453696 h 6858000"/>
              <a:gd name="connsiteX270" fmla="*/ 11379471 w 12191999"/>
              <a:gd name="connsiteY270" fmla="*/ 464453 h 6858000"/>
              <a:gd name="connsiteX271" fmla="*/ 11401267 w 12191999"/>
              <a:gd name="connsiteY271" fmla="*/ 487522 h 6858000"/>
              <a:gd name="connsiteX272" fmla="*/ 11376515 w 12191999"/>
              <a:gd name="connsiteY272" fmla="*/ 541611 h 6858000"/>
              <a:gd name="connsiteX273" fmla="*/ 11357665 w 12191999"/>
              <a:gd name="connsiteY273" fmla="*/ 511745 h 6858000"/>
              <a:gd name="connsiteX274" fmla="*/ 11330734 w 12191999"/>
              <a:gd name="connsiteY274" fmla="*/ 504052 h 6858000"/>
              <a:gd name="connsiteX275" fmla="*/ 11328166 w 12191999"/>
              <a:gd name="connsiteY275" fmla="*/ 491881 h 6858000"/>
              <a:gd name="connsiteX276" fmla="*/ 11335600 w 12191999"/>
              <a:gd name="connsiteY276" fmla="*/ 481879 h 6858000"/>
              <a:gd name="connsiteX277" fmla="*/ 11338297 w 12191999"/>
              <a:gd name="connsiteY277" fmla="*/ 470604 h 6858000"/>
              <a:gd name="connsiteX278" fmla="*/ 11349972 w 12191999"/>
              <a:gd name="connsiteY278" fmla="*/ 456124 h 6858000"/>
              <a:gd name="connsiteX279" fmla="*/ 11354455 w 12191999"/>
              <a:gd name="connsiteY279" fmla="*/ 453696 h 6858000"/>
              <a:gd name="connsiteX280" fmla="*/ 11324025 w 12191999"/>
              <a:gd name="connsiteY280" fmla="*/ 392924 h 6858000"/>
              <a:gd name="connsiteX281" fmla="*/ 11322134 w 12191999"/>
              <a:gd name="connsiteY281" fmla="*/ 400006 h 6858000"/>
              <a:gd name="connsiteX282" fmla="*/ 11335988 w 12191999"/>
              <a:gd name="connsiteY282" fmla="*/ 441536 h 6858000"/>
              <a:gd name="connsiteX283" fmla="*/ 11339193 w 12191999"/>
              <a:gd name="connsiteY283" fmla="*/ 451786 h 6858000"/>
              <a:gd name="connsiteX284" fmla="*/ 11328425 w 12191999"/>
              <a:gd name="connsiteY284" fmla="*/ 467162 h 6858000"/>
              <a:gd name="connsiteX285" fmla="*/ 11327270 w 12191999"/>
              <a:gd name="connsiteY285" fmla="*/ 474855 h 6858000"/>
              <a:gd name="connsiteX286" fmla="*/ 11315477 w 12191999"/>
              <a:gd name="connsiteY286" fmla="*/ 490748 h 6858000"/>
              <a:gd name="connsiteX287" fmla="*/ 11317268 w 12191999"/>
              <a:gd name="connsiteY287" fmla="*/ 503696 h 6858000"/>
              <a:gd name="connsiteX288" fmla="*/ 11327788 w 12191999"/>
              <a:gd name="connsiteY288" fmla="*/ 514594 h 6858000"/>
              <a:gd name="connsiteX289" fmla="*/ 11341890 w 12191999"/>
              <a:gd name="connsiteY289" fmla="*/ 516137 h 6858000"/>
              <a:gd name="connsiteX290" fmla="*/ 11358561 w 12191999"/>
              <a:gd name="connsiteY290" fmla="*/ 529214 h 6858000"/>
              <a:gd name="connsiteX291" fmla="*/ 11388308 w 12191999"/>
              <a:gd name="connsiteY291" fmla="*/ 580476 h 6858000"/>
              <a:gd name="connsiteX292" fmla="*/ 11394717 w 12191999"/>
              <a:gd name="connsiteY292" fmla="*/ 606490 h 6858000"/>
              <a:gd name="connsiteX293" fmla="*/ 11360611 w 12191999"/>
              <a:gd name="connsiteY293" fmla="*/ 709026 h 6858000"/>
              <a:gd name="connsiteX294" fmla="*/ 11362402 w 12191999"/>
              <a:gd name="connsiteY294" fmla="*/ 719406 h 6858000"/>
              <a:gd name="connsiteX295" fmla="*/ 11388567 w 12191999"/>
              <a:gd name="connsiteY295" fmla="*/ 719406 h 6858000"/>
              <a:gd name="connsiteX296" fmla="*/ 11394210 w 12191999"/>
              <a:gd name="connsiteY296" fmla="*/ 711972 h 6858000"/>
              <a:gd name="connsiteX297" fmla="*/ 11429094 w 12191999"/>
              <a:gd name="connsiteY297" fmla="*/ 608411 h 6858000"/>
              <a:gd name="connsiteX298" fmla="*/ 11464484 w 12191999"/>
              <a:gd name="connsiteY298" fmla="*/ 709921 h 6858000"/>
              <a:gd name="connsiteX299" fmla="*/ 11468207 w 12191999"/>
              <a:gd name="connsiteY299" fmla="*/ 719665 h 6858000"/>
              <a:gd name="connsiteX300" fmla="*/ 11490650 w 12191999"/>
              <a:gd name="connsiteY300" fmla="*/ 719665 h 6858000"/>
              <a:gd name="connsiteX301" fmla="*/ 11497954 w 12191999"/>
              <a:gd name="connsiteY301" fmla="*/ 713126 h 6858000"/>
              <a:gd name="connsiteX302" fmla="*/ 11473979 w 12191999"/>
              <a:gd name="connsiteY302" fmla="*/ 619309 h 6858000"/>
              <a:gd name="connsiteX303" fmla="*/ 11535276 w 12191999"/>
              <a:gd name="connsiteY303" fmla="*/ 595345 h 6858000"/>
              <a:gd name="connsiteX304" fmla="*/ 11569383 w 12191999"/>
              <a:gd name="connsiteY304" fmla="*/ 622136 h 6858000"/>
              <a:gd name="connsiteX305" fmla="*/ 11512315 w 12191999"/>
              <a:gd name="connsiteY305" fmla="*/ 709932 h 6858000"/>
              <a:gd name="connsiteX306" fmla="*/ 11514624 w 12191999"/>
              <a:gd name="connsiteY306" fmla="*/ 719417 h 6858000"/>
              <a:gd name="connsiteX307" fmla="*/ 11538351 w 12191999"/>
              <a:gd name="connsiteY307" fmla="*/ 719417 h 6858000"/>
              <a:gd name="connsiteX308" fmla="*/ 11547069 w 12191999"/>
              <a:gd name="connsiteY308" fmla="*/ 713903 h 6858000"/>
              <a:gd name="connsiteX309" fmla="*/ 11598623 w 12191999"/>
              <a:gd name="connsiteY309" fmla="*/ 630983 h 6858000"/>
              <a:gd name="connsiteX310" fmla="*/ 11608496 w 12191999"/>
              <a:gd name="connsiteY310" fmla="*/ 600869 h 6858000"/>
              <a:gd name="connsiteX311" fmla="*/ 11599130 w 12191999"/>
              <a:gd name="connsiteY311" fmla="*/ 710062 h 6858000"/>
              <a:gd name="connsiteX312" fmla="*/ 11601439 w 12191999"/>
              <a:gd name="connsiteY312" fmla="*/ 719287 h 6858000"/>
              <a:gd name="connsiteX313" fmla="*/ 11622857 w 12191999"/>
              <a:gd name="connsiteY313" fmla="*/ 719287 h 6858000"/>
              <a:gd name="connsiteX314" fmla="*/ 11629525 w 12191999"/>
              <a:gd name="connsiteY314" fmla="*/ 711087 h 6858000"/>
              <a:gd name="connsiteX315" fmla="*/ 11634650 w 12191999"/>
              <a:gd name="connsiteY315" fmla="*/ 693014 h 6858000"/>
              <a:gd name="connsiteX316" fmla="*/ 11654018 w 12191999"/>
              <a:gd name="connsiteY316" fmla="*/ 688018 h 6858000"/>
              <a:gd name="connsiteX317" fmla="*/ 11659024 w 12191999"/>
              <a:gd name="connsiteY317" fmla="*/ 680584 h 6858000"/>
              <a:gd name="connsiteX318" fmla="*/ 11654654 w 12191999"/>
              <a:gd name="connsiteY318" fmla="*/ 520852 h 6858000"/>
              <a:gd name="connsiteX319" fmla="*/ 11603360 w 12191999"/>
              <a:gd name="connsiteY319" fmla="*/ 487533 h 6858000"/>
              <a:gd name="connsiteX320" fmla="*/ 11526547 w 12191999"/>
              <a:gd name="connsiteY320" fmla="*/ 493424 h 6858000"/>
              <a:gd name="connsiteX321" fmla="*/ 11402033 w 12191999"/>
              <a:gd name="connsiteY321" fmla="*/ 464842 h 6858000"/>
              <a:gd name="connsiteX322" fmla="*/ 11401644 w 12191999"/>
              <a:gd name="connsiteY322" fmla="*/ 459199 h 6858000"/>
              <a:gd name="connsiteX323" fmla="*/ 11433960 w 12191999"/>
              <a:gd name="connsiteY323" fmla="*/ 433314 h 6858000"/>
              <a:gd name="connsiteX324" fmla="*/ 11431392 w 12191999"/>
              <a:gd name="connsiteY324" fmla="*/ 426398 h 6858000"/>
              <a:gd name="connsiteX325" fmla="*/ 11365995 w 12191999"/>
              <a:gd name="connsiteY325" fmla="*/ 438191 h 6858000"/>
              <a:gd name="connsiteX326" fmla="*/ 11327648 w 12191999"/>
              <a:gd name="connsiteY326" fmla="*/ 397567 h 6858000"/>
              <a:gd name="connsiteX327" fmla="*/ 11324025 w 12191999"/>
              <a:gd name="connsiteY327" fmla="*/ 392924 h 6858000"/>
              <a:gd name="connsiteX328" fmla="*/ 11391491 w 12191999"/>
              <a:gd name="connsiteY328" fmla="*/ 334037 h 6858000"/>
              <a:gd name="connsiteX329" fmla="*/ 11426364 w 12191999"/>
              <a:gd name="connsiteY329" fmla="*/ 368996 h 6858000"/>
              <a:gd name="connsiteX330" fmla="*/ 11391491 w 12191999"/>
              <a:gd name="connsiteY330" fmla="*/ 403955 h 6858000"/>
              <a:gd name="connsiteX331" fmla="*/ 11356360 w 12191999"/>
              <a:gd name="connsiteY331" fmla="*/ 368996 h 6858000"/>
              <a:gd name="connsiteX332" fmla="*/ 11391491 w 12191999"/>
              <a:gd name="connsiteY332" fmla="*/ 334037 h 6858000"/>
              <a:gd name="connsiteX333" fmla="*/ 11389959 w 12191999"/>
              <a:gd name="connsiteY333" fmla="*/ 321618 h 6858000"/>
              <a:gd name="connsiteX334" fmla="*/ 11337262 w 12191999"/>
              <a:gd name="connsiteY334" fmla="*/ 374510 h 6858000"/>
              <a:gd name="connsiteX335" fmla="*/ 11389959 w 12191999"/>
              <a:gd name="connsiteY335" fmla="*/ 427401 h 6858000"/>
              <a:gd name="connsiteX336" fmla="*/ 11442656 w 12191999"/>
              <a:gd name="connsiteY336" fmla="*/ 374510 h 6858000"/>
              <a:gd name="connsiteX337" fmla="*/ 11389959 w 12191999"/>
              <a:gd name="connsiteY337" fmla="*/ 321618 h 6858000"/>
              <a:gd name="connsiteX338" fmla="*/ 0 w 12191999"/>
              <a:gd name="connsiteY338" fmla="*/ 0 h 6858000"/>
              <a:gd name="connsiteX339" fmla="*/ 12191999 w 12191999"/>
              <a:gd name="connsiteY339" fmla="*/ 0 h 6858000"/>
              <a:gd name="connsiteX340" fmla="*/ 12191999 w 12191999"/>
              <a:gd name="connsiteY340" fmla="*/ 6858000 h 6858000"/>
              <a:gd name="connsiteX341" fmla="*/ 0 w 12191999"/>
              <a:gd name="connsiteY34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</a:cxnLst>
            <a:rect l="l" t="t" r="r" b="b"/>
            <a:pathLst>
              <a:path w="12191999" h="6858000">
                <a:moveTo>
                  <a:pt x="11666200" y="756760"/>
                </a:moveTo>
                <a:cubicBezTo>
                  <a:pt x="11673094" y="756760"/>
                  <a:pt x="11676288" y="758940"/>
                  <a:pt x="11678975" y="761119"/>
                </a:cubicBezTo>
                <a:cubicBezTo>
                  <a:pt x="11678975" y="808195"/>
                  <a:pt x="11678975" y="808195"/>
                  <a:pt x="11678975" y="808195"/>
                </a:cubicBezTo>
                <a:lnTo>
                  <a:pt x="11678845" y="808195"/>
                </a:lnTo>
                <a:cubicBezTo>
                  <a:pt x="11678845" y="811658"/>
                  <a:pt x="11673094" y="813579"/>
                  <a:pt x="11667095" y="813579"/>
                </a:cubicBezTo>
                <a:cubicBezTo>
                  <a:pt x="11654191" y="813579"/>
                  <a:pt x="11644998" y="802671"/>
                  <a:pt x="11644998" y="784080"/>
                </a:cubicBezTo>
                <a:cubicBezTo>
                  <a:pt x="11644998" y="767658"/>
                  <a:pt x="11653942" y="756760"/>
                  <a:pt x="11666200" y="756760"/>
                </a:cubicBezTo>
                <a:close/>
                <a:moveTo>
                  <a:pt x="11553608" y="755951"/>
                </a:moveTo>
                <a:cubicBezTo>
                  <a:pt x="11558334" y="755951"/>
                  <a:pt x="11561787" y="756976"/>
                  <a:pt x="11565369" y="760439"/>
                </a:cubicBezTo>
                <a:cubicBezTo>
                  <a:pt x="11569210" y="764032"/>
                  <a:pt x="11571638" y="771995"/>
                  <a:pt x="11571638" y="784954"/>
                </a:cubicBezTo>
                <a:cubicBezTo>
                  <a:pt x="11571638" y="797535"/>
                  <a:pt x="11569210" y="805746"/>
                  <a:pt x="11565369" y="809339"/>
                </a:cubicBezTo>
                <a:cubicBezTo>
                  <a:pt x="11561787" y="812802"/>
                  <a:pt x="11558334" y="813698"/>
                  <a:pt x="11553608" y="813698"/>
                </a:cubicBezTo>
                <a:cubicBezTo>
                  <a:pt x="11548882" y="813698"/>
                  <a:pt x="11545677" y="812802"/>
                  <a:pt x="11542106" y="809339"/>
                </a:cubicBezTo>
                <a:cubicBezTo>
                  <a:pt x="11538394" y="805746"/>
                  <a:pt x="11535837" y="797783"/>
                  <a:pt x="11535837" y="784954"/>
                </a:cubicBezTo>
                <a:cubicBezTo>
                  <a:pt x="11535837" y="772243"/>
                  <a:pt x="11538394" y="764032"/>
                  <a:pt x="11542106" y="760439"/>
                </a:cubicBezTo>
                <a:cubicBezTo>
                  <a:pt x="11545688" y="756976"/>
                  <a:pt x="11549141" y="755951"/>
                  <a:pt x="11553608" y="755951"/>
                </a:cubicBezTo>
                <a:close/>
                <a:moveTo>
                  <a:pt x="11389948" y="755951"/>
                </a:moveTo>
                <a:cubicBezTo>
                  <a:pt x="11394707" y="755951"/>
                  <a:pt x="11397911" y="756976"/>
                  <a:pt x="11401504" y="760439"/>
                </a:cubicBezTo>
                <a:cubicBezTo>
                  <a:pt x="11405356" y="764032"/>
                  <a:pt x="11407795" y="771995"/>
                  <a:pt x="11407795" y="784954"/>
                </a:cubicBezTo>
                <a:cubicBezTo>
                  <a:pt x="11407795" y="797535"/>
                  <a:pt x="11405356" y="805746"/>
                  <a:pt x="11401504" y="809339"/>
                </a:cubicBezTo>
                <a:cubicBezTo>
                  <a:pt x="11397911" y="812802"/>
                  <a:pt x="11394448" y="813698"/>
                  <a:pt x="11389948" y="813698"/>
                </a:cubicBezTo>
                <a:cubicBezTo>
                  <a:pt x="11385201" y="813698"/>
                  <a:pt x="11381985" y="812802"/>
                  <a:pt x="11378133" y="809339"/>
                </a:cubicBezTo>
                <a:cubicBezTo>
                  <a:pt x="11374411" y="805746"/>
                  <a:pt x="11371843" y="797783"/>
                  <a:pt x="11371843" y="784954"/>
                </a:cubicBezTo>
                <a:cubicBezTo>
                  <a:pt x="11371843" y="772243"/>
                  <a:pt x="11374411" y="764032"/>
                  <a:pt x="11378133" y="760439"/>
                </a:cubicBezTo>
                <a:cubicBezTo>
                  <a:pt x="11381726" y="756976"/>
                  <a:pt x="11385190" y="755951"/>
                  <a:pt x="11389948" y="755951"/>
                </a:cubicBezTo>
                <a:close/>
                <a:moveTo>
                  <a:pt x="11267462" y="755951"/>
                </a:moveTo>
                <a:cubicBezTo>
                  <a:pt x="11272210" y="755951"/>
                  <a:pt x="11275425" y="756976"/>
                  <a:pt x="11279148" y="760439"/>
                </a:cubicBezTo>
                <a:cubicBezTo>
                  <a:pt x="11282881" y="764032"/>
                  <a:pt x="11285438" y="771995"/>
                  <a:pt x="11285438" y="784954"/>
                </a:cubicBezTo>
                <a:cubicBezTo>
                  <a:pt x="11285438" y="797535"/>
                  <a:pt x="11283000" y="805746"/>
                  <a:pt x="11279148" y="809339"/>
                </a:cubicBezTo>
                <a:cubicBezTo>
                  <a:pt x="11275555" y="812802"/>
                  <a:pt x="11272210" y="813698"/>
                  <a:pt x="11267462" y="813698"/>
                </a:cubicBezTo>
                <a:cubicBezTo>
                  <a:pt x="11262715" y="813698"/>
                  <a:pt x="11259499" y="812802"/>
                  <a:pt x="11255907" y="809339"/>
                </a:cubicBezTo>
                <a:cubicBezTo>
                  <a:pt x="11252054" y="805746"/>
                  <a:pt x="11249616" y="797783"/>
                  <a:pt x="11249616" y="784954"/>
                </a:cubicBezTo>
                <a:cubicBezTo>
                  <a:pt x="11249616" y="772243"/>
                  <a:pt x="11252054" y="764032"/>
                  <a:pt x="11255907" y="760439"/>
                </a:cubicBezTo>
                <a:cubicBezTo>
                  <a:pt x="11259499" y="756976"/>
                  <a:pt x="11262844" y="755951"/>
                  <a:pt x="11267462" y="755951"/>
                </a:cubicBezTo>
                <a:close/>
                <a:moveTo>
                  <a:pt x="11708668" y="750005"/>
                </a:moveTo>
                <a:cubicBezTo>
                  <a:pt x="11706381" y="750005"/>
                  <a:pt x="11706381" y="750772"/>
                  <a:pt x="11706381" y="752433"/>
                </a:cubicBezTo>
                <a:cubicBezTo>
                  <a:pt x="11706381" y="817032"/>
                  <a:pt x="11706381" y="817032"/>
                  <a:pt x="11706381" y="817032"/>
                </a:cubicBezTo>
                <a:cubicBezTo>
                  <a:pt x="11706381" y="818952"/>
                  <a:pt x="11706381" y="819459"/>
                  <a:pt x="11708420" y="819459"/>
                </a:cubicBezTo>
                <a:cubicBezTo>
                  <a:pt x="11715671" y="819459"/>
                  <a:pt x="11715671" y="819459"/>
                  <a:pt x="11715671" y="819459"/>
                </a:cubicBezTo>
                <a:cubicBezTo>
                  <a:pt x="11717699" y="819330"/>
                  <a:pt x="11718206" y="819330"/>
                  <a:pt x="11718206" y="817032"/>
                </a:cubicBezTo>
                <a:cubicBezTo>
                  <a:pt x="11718206" y="752433"/>
                  <a:pt x="11718206" y="752433"/>
                  <a:pt x="11718206" y="752433"/>
                </a:cubicBezTo>
                <a:cubicBezTo>
                  <a:pt x="11718206" y="750383"/>
                  <a:pt x="11717699" y="750005"/>
                  <a:pt x="11715660" y="750005"/>
                </a:cubicBezTo>
                <a:cubicBezTo>
                  <a:pt x="11708668" y="750005"/>
                  <a:pt x="11708668" y="750005"/>
                  <a:pt x="11708668" y="750005"/>
                </a:cubicBezTo>
                <a:close/>
                <a:moveTo>
                  <a:pt x="11826514" y="749671"/>
                </a:moveTo>
                <a:cubicBezTo>
                  <a:pt x="11824076" y="749671"/>
                  <a:pt x="11823170" y="749542"/>
                  <a:pt x="11822404" y="751851"/>
                </a:cubicBezTo>
                <a:cubicBezTo>
                  <a:pt x="11818552" y="763374"/>
                  <a:pt x="11808647" y="775804"/>
                  <a:pt x="11798623" y="781695"/>
                </a:cubicBezTo>
                <a:cubicBezTo>
                  <a:pt x="11798234" y="782084"/>
                  <a:pt x="11798105" y="782461"/>
                  <a:pt x="11798105" y="782461"/>
                </a:cubicBezTo>
                <a:cubicBezTo>
                  <a:pt x="11798105" y="782591"/>
                  <a:pt x="11798234" y="782968"/>
                  <a:pt x="11798234" y="783227"/>
                </a:cubicBezTo>
                <a:cubicBezTo>
                  <a:pt x="11822145" y="817420"/>
                  <a:pt x="11822145" y="817420"/>
                  <a:pt x="11822145" y="817420"/>
                </a:cubicBezTo>
                <a:cubicBezTo>
                  <a:pt x="11823558" y="819470"/>
                  <a:pt x="11824076" y="819470"/>
                  <a:pt x="11826126" y="819470"/>
                </a:cubicBezTo>
                <a:cubicBezTo>
                  <a:pt x="11835254" y="819470"/>
                  <a:pt x="11835254" y="819470"/>
                  <a:pt x="11835254" y="819470"/>
                </a:cubicBezTo>
                <a:cubicBezTo>
                  <a:pt x="11835891" y="819330"/>
                  <a:pt x="11837175" y="819330"/>
                  <a:pt x="11837175" y="817798"/>
                </a:cubicBezTo>
                <a:cubicBezTo>
                  <a:pt x="11837175" y="817291"/>
                  <a:pt x="11836786" y="816643"/>
                  <a:pt x="11836279" y="816136"/>
                </a:cubicBezTo>
                <a:cubicBezTo>
                  <a:pt x="11810826" y="782450"/>
                  <a:pt x="11810826" y="782450"/>
                  <a:pt x="11810826" y="782450"/>
                </a:cubicBezTo>
                <a:cubicBezTo>
                  <a:pt x="11810567" y="782192"/>
                  <a:pt x="11810567" y="782192"/>
                  <a:pt x="11810567" y="782192"/>
                </a:cubicBezTo>
                <a:cubicBezTo>
                  <a:pt x="11819566" y="775534"/>
                  <a:pt x="11828824" y="765154"/>
                  <a:pt x="11834607" y="753890"/>
                </a:cubicBezTo>
                <a:cubicBezTo>
                  <a:pt x="11835125" y="752606"/>
                  <a:pt x="11835254" y="751969"/>
                  <a:pt x="11835254" y="751203"/>
                </a:cubicBezTo>
                <a:cubicBezTo>
                  <a:pt x="11835254" y="750049"/>
                  <a:pt x="11834607" y="749671"/>
                  <a:pt x="11832816" y="749671"/>
                </a:cubicBezTo>
                <a:cubicBezTo>
                  <a:pt x="11826514" y="749671"/>
                  <a:pt x="11826514" y="749671"/>
                  <a:pt x="11826514" y="749671"/>
                </a:cubicBezTo>
                <a:close/>
                <a:moveTo>
                  <a:pt x="11301634" y="749671"/>
                </a:moveTo>
                <a:cubicBezTo>
                  <a:pt x="11301116" y="749671"/>
                  <a:pt x="11299832" y="749671"/>
                  <a:pt x="11299832" y="751462"/>
                </a:cubicBezTo>
                <a:cubicBezTo>
                  <a:pt x="11299832" y="751980"/>
                  <a:pt x="11299961" y="752617"/>
                  <a:pt x="11300350" y="753383"/>
                </a:cubicBezTo>
                <a:cubicBezTo>
                  <a:pt x="11324605" y="817399"/>
                  <a:pt x="11324605" y="817399"/>
                  <a:pt x="11324605" y="817399"/>
                </a:cubicBezTo>
                <a:cubicBezTo>
                  <a:pt x="11325371" y="818941"/>
                  <a:pt x="11325630" y="819449"/>
                  <a:pt x="11326785" y="819449"/>
                </a:cubicBezTo>
                <a:cubicBezTo>
                  <a:pt x="11332050" y="819449"/>
                  <a:pt x="11332050" y="819449"/>
                  <a:pt x="11332050" y="819449"/>
                </a:cubicBezTo>
                <a:cubicBezTo>
                  <a:pt x="11333593" y="819449"/>
                  <a:pt x="11333971" y="819190"/>
                  <a:pt x="11334489" y="817399"/>
                </a:cubicBezTo>
                <a:cubicBezTo>
                  <a:pt x="11358108" y="753135"/>
                  <a:pt x="11358108" y="753135"/>
                  <a:pt x="11358108" y="753135"/>
                </a:cubicBezTo>
                <a:cubicBezTo>
                  <a:pt x="11358366" y="751592"/>
                  <a:pt x="11358366" y="751462"/>
                  <a:pt x="11358366" y="751085"/>
                </a:cubicBezTo>
                <a:cubicBezTo>
                  <a:pt x="11358366" y="749671"/>
                  <a:pt x="11357341" y="749671"/>
                  <a:pt x="11356694" y="749671"/>
                </a:cubicBezTo>
                <a:cubicBezTo>
                  <a:pt x="11350015" y="749671"/>
                  <a:pt x="11350015" y="749671"/>
                  <a:pt x="11350015" y="749671"/>
                </a:cubicBezTo>
                <a:cubicBezTo>
                  <a:pt x="11349120" y="749930"/>
                  <a:pt x="11348990" y="750308"/>
                  <a:pt x="11348343" y="751592"/>
                </a:cubicBezTo>
                <a:cubicBezTo>
                  <a:pt x="11330885" y="802908"/>
                  <a:pt x="11330885" y="802908"/>
                  <a:pt x="11330885" y="802908"/>
                </a:cubicBezTo>
                <a:cubicBezTo>
                  <a:pt x="11312920" y="751851"/>
                  <a:pt x="11312920" y="751851"/>
                  <a:pt x="11312920" y="751851"/>
                </a:cubicBezTo>
                <a:cubicBezTo>
                  <a:pt x="11312154" y="749930"/>
                  <a:pt x="11311895" y="749671"/>
                  <a:pt x="11309845" y="749671"/>
                </a:cubicBezTo>
                <a:cubicBezTo>
                  <a:pt x="11301634" y="749671"/>
                  <a:pt x="11301634" y="749671"/>
                  <a:pt x="11301634" y="749671"/>
                </a:cubicBezTo>
                <a:close/>
                <a:moveTo>
                  <a:pt x="11754223" y="748506"/>
                </a:moveTo>
                <a:cubicBezTo>
                  <a:pt x="11742149" y="748506"/>
                  <a:pt x="11731241" y="755185"/>
                  <a:pt x="11731241" y="767625"/>
                </a:cubicBezTo>
                <a:cubicBezTo>
                  <a:pt x="11731241" y="779300"/>
                  <a:pt x="11739462" y="784177"/>
                  <a:pt x="11749346" y="788417"/>
                </a:cubicBezTo>
                <a:cubicBezTo>
                  <a:pt x="11757050" y="791622"/>
                  <a:pt x="11764236" y="794708"/>
                  <a:pt x="11764236" y="801894"/>
                </a:cubicBezTo>
                <a:cubicBezTo>
                  <a:pt x="11764236" y="807407"/>
                  <a:pt x="11759866" y="813698"/>
                  <a:pt x="11750500" y="813698"/>
                </a:cubicBezTo>
                <a:cubicBezTo>
                  <a:pt x="11740995" y="813698"/>
                  <a:pt x="11738308" y="806641"/>
                  <a:pt x="11733679" y="806641"/>
                </a:cubicBezTo>
                <a:cubicBezTo>
                  <a:pt x="11731500" y="806641"/>
                  <a:pt x="11728673" y="807666"/>
                  <a:pt x="11728673" y="811130"/>
                </a:cubicBezTo>
                <a:cubicBezTo>
                  <a:pt x="11728673" y="816643"/>
                  <a:pt x="11739462" y="821402"/>
                  <a:pt x="11750241" y="821402"/>
                </a:cubicBezTo>
                <a:cubicBezTo>
                  <a:pt x="11762434" y="821531"/>
                  <a:pt x="11774896" y="815111"/>
                  <a:pt x="11774896" y="800610"/>
                </a:cubicBezTo>
                <a:cubicBezTo>
                  <a:pt x="11774896" y="777897"/>
                  <a:pt x="11741901" y="781490"/>
                  <a:pt x="11741901" y="766471"/>
                </a:cubicBezTo>
                <a:cubicBezTo>
                  <a:pt x="11741901" y="761335"/>
                  <a:pt x="11745882" y="756199"/>
                  <a:pt x="11753457" y="756199"/>
                </a:cubicBezTo>
                <a:cubicBezTo>
                  <a:pt x="11761290" y="756199"/>
                  <a:pt x="11763340" y="761335"/>
                  <a:pt x="11767322" y="761335"/>
                </a:cubicBezTo>
                <a:cubicBezTo>
                  <a:pt x="11769372" y="761335"/>
                  <a:pt x="11772328" y="760180"/>
                  <a:pt x="11772328" y="756587"/>
                </a:cubicBezTo>
                <a:cubicBezTo>
                  <a:pt x="11772328" y="751452"/>
                  <a:pt x="11763599" y="748506"/>
                  <a:pt x="11754223" y="748506"/>
                </a:cubicBezTo>
                <a:close/>
                <a:moveTo>
                  <a:pt x="11614257" y="748117"/>
                </a:moveTo>
                <a:cubicBezTo>
                  <a:pt x="11607082" y="748117"/>
                  <a:pt x="11602594" y="749272"/>
                  <a:pt x="11599001" y="750167"/>
                </a:cubicBezTo>
                <a:cubicBezTo>
                  <a:pt x="11594383" y="751322"/>
                  <a:pt x="11592721" y="753491"/>
                  <a:pt x="11592721" y="755659"/>
                </a:cubicBezTo>
                <a:cubicBezTo>
                  <a:pt x="11592721" y="816902"/>
                  <a:pt x="11592721" y="816902"/>
                  <a:pt x="11592721" y="816902"/>
                </a:cubicBezTo>
                <a:cubicBezTo>
                  <a:pt x="11592721" y="818952"/>
                  <a:pt x="11593487" y="819071"/>
                  <a:pt x="11595418" y="819071"/>
                </a:cubicBezTo>
                <a:cubicBezTo>
                  <a:pt x="11602216" y="819071"/>
                  <a:pt x="11602216" y="819071"/>
                  <a:pt x="11602216" y="819071"/>
                </a:cubicBezTo>
                <a:cubicBezTo>
                  <a:pt x="11603878" y="819071"/>
                  <a:pt x="11604654" y="818942"/>
                  <a:pt x="11604654" y="816902"/>
                </a:cubicBezTo>
                <a:cubicBezTo>
                  <a:pt x="11604654" y="760774"/>
                  <a:pt x="11604654" y="760774"/>
                  <a:pt x="11604654" y="760774"/>
                </a:cubicBezTo>
                <a:cubicBezTo>
                  <a:pt x="11604654" y="757192"/>
                  <a:pt x="11607471" y="754764"/>
                  <a:pt x="11611452" y="754764"/>
                </a:cubicBezTo>
                <a:cubicBezTo>
                  <a:pt x="11620041" y="754764"/>
                  <a:pt x="11621325" y="761033"/>
                  <a:pt x="11625943" y="761033"/>
                </a:cubicBezTo>
                <a:cubicBezTo>
                  <a:pt x="11629255" y="761162"/>
                  <a:pt x="11631823" y="759112"/>
                  <a:pt x="11631823" y="755152"/>
                </a:cubicBezTo>
                <a:cubicBezTo>
                  <a:pt x="11631823" y="750167"/>
                  <a:pt x="11623623" y="748117"/>
                  <a:pt x="11614257" y="748117"/>
                </a:cubicBezTo>
                <a:close/>
                <a:moveTo>
                  <a:pt x="11553619" y="748117"/>
                </a:moveTo>
                <a:cubicBezTo>
                  <a:pt x="11547609" y="748117"/>
                  <a:pt x="11541221" y="749919"/>
                  <a:pt x="11536236" y="753124"/>
                </a:cubicBezTo>
                <a:cubicBezTo>
                  <a:pt x="11528565" y="758519"/>
                  <a:pt x="11523450" y="768780"/>
                  <a:pt x="11523450" y="784954"/>
                </a:cubicBezTo>
                <a:cubicBezTo>
                  <a:pt x="11523450" y="800998"/>
                  <a:pt x="11528565" y="811270"/>
                  <a:pt x="11536236" y="816654"/>
                </a:cubicBezTo>
                <a:cubicBezTo>
                  <a:pt x="11540962" y="819988"/>
                  <a:pt x="11547490" y="821531"/>
                  <a:pt x="11553619" y="821531"/>
                </a:cubicBezTo>
                <a:cubicBezTo>
                  <a:pt x="11559888" y="821531"/>
                  <a:pt x="11566275" y="819859"/>
                  <a:pt x="11571001" y="816654"/>
                </a:cubicBezTo>
                <a:cubicBezTo>
                  <a:pt x="11578802" y="811259"/>
                  <a:pt x="11583917" y="800998"/>
                  <a:pt x="11583917" y="784954"/>
                </a:cubicBezTo>
                <a:cubicBezTo>
                  <a:pt x="11583917" y="768780"/>
                  <a:pt x="11578802" y="758519"/>
                  <a:pt x="11571001" y="753124"/>
                </a:cubicBezTo>
                <a:cubicBezTo>
                  <a:pt x="11566146" y="749660"/>
                  <a:pt x="11559747" y="748117"/>
                  <a:pt x="11553619" y="748117"/>
                </a:cubicBezTo>
                <a:close/>
                <a:moveTo>
                  <a:pt x="11486031" y="748117"/>
                </a:moveTo>
                <a:cubicBezTo>
                  <a:pt x="11475824" y="748117"/>
                  <a:pt x="11468930" y="750297"/>
                  <a:pt x="11465229" y="751452"/>
                </a:cubicBezTo>
                <a:cubicBezTo>
                  <a:pt x="11460632" y="752994"/>
                  <a:pt x="11459230" y="754656"/>
                  <a:pt x="11459230" y="756965"/>
                </a:cubicBezTo>
                <a:cubicBezTo>
                  <a:pt x="11459230" y="817010"/>
                  <a:pt x="11459230" y="817010"/>
                  <a:pt x="11459230" y="817010"/>
                </a:cubicBezTo>
                <a:cubicBezTo>
                  <a:pt x="11459230" y="819190"/>
                  <a:pt x="11459737" y="819449"/>
                  <a:pt x="11461787" y="819449"/>
                </a:cubicBezTo>
                <a:cubicBezTo>
                  <a:pt x="11468422" y="819449"/>
                  <a:pt x="11468422" y="819449"/>
                  <a:pt x="11468422" y="819449"/>
                </a:cubicBezTo>
                <a:cubicBezTo>
                  <a:pt x="11470332" y="819449"/>
                  <a:pt x="11471228" y="819190"/>
                  <a:pt x="11471228" y="816751"/>
                </a:cubicBezTo>
                <a:cubicBezTo>
                  <a:pt x="11471228" y="761454"/>
                  <a:pt x="11471228" y="761454"/>
                  <a:pt x="11471228" y="761454"/>
                </a:cubicBezTo>
                <a:cubicBezTo>
                  <a:pt x="11471228" y="758497"/>
                  <a:pt x="11476331" y="755422"/>
                  <a:pt x="11485654" y="755422"/>
                </a:cubicBezTo>
                <a:cubicBezTo>
                  <a:pt x="11501223" y="755422"/>
                  <a:pt x="11501223" y="765554"/>
                  <a:pt x="11501223" y="771844"/>
                </a:cubicBezTo>
                <a:cubicBezTo>
                  <a:pt x="11501223" y="816751"/>
                  <a:pt x="11501223" y="816751"/>
                  <a:pt x="11501223" y="816751"/>
                </a:cubicBezTo>
                <a:cubicBezTo>
                  <a:pt x="11501223" y="819190"/>
                  <a:pt x="11501990" y="819449"/>
                  <a:pt x="11504288" y="819449"/>
                </a:cubicBezTo>
                <a:cubicBezTo>
                  <a:pt x="11511690" y="819449"/>
                  <a:pt x="11511690" y="819449"/>
                  <a:pt x="11511690" y="819449"/>
                </a:cubicBezTo>
                <a:cubicBezTo>
                  <a:pt x="11512963" y="819201"/>
                  <a:pt x="11512963" y="817917"/>
                  <a:pt x="11512963" y="816762"/>
                </a:cubicBezTo>
                <a:cubicBezTo>
                  <a:pt x="11512963" y="770312"/>
                  <a:pt x="11512963" y="770312"/>
                  <a:pt x="11512963" y="770312"/>
                </a:cubicBezTo>
                <a:cubicBezTo>
                  <a:pt x="11512963" y="762230"/>
                  <a:pt x="11512704" y="748117"/>
                  <a:pt x="11486031" y="748117"/>
                </a:cubicBezTo>
                <a:close/>
                <a:moveTo>
                  <a:pt x="11389700" y="748117"/>
                </a:moveTo>
                <a:cubicBezTo>
                  <a:pt x="11383539" y="748117"/>
                  <a:pt x="11377249" y="749919"/>
                  <a:pt x="11372242" y="753124"/>
                </a:cubicBezTo>
                <a:cubicBezTo>
                  <a:pt x="11364538" y="758519"/>
                  <a:pt x="11359402" y="768780"/>
                  <a:pt x="11359402" y="784954"/>
                </a:cubicBezTo>
                <a:cubicBezTo>
                  <a:pt x="11359402" y="800998"/>
                  <a:pt x="11364538" y="811270"/>
                  <a:pt x="11372242" y="816654"/>
                </a:cubicBezTo>
                <a:cubicBezTo>
                  <a:pt x="11376990" y="819988"/>
                  <a:pt x="11383539" y="821531"/>
                  <a:pt x="11389700" y="821531"/>
                </a:cubicBezTo>
                <a:cubicBezTo>
                  <a:pt x="11395990" y="821531"/>
                  <a:pt x="11402281" y="819859"/>
                  <a:pt x="11407158" y="816654"/>
                </a:cubicBezTo>
                <a:cubicBezTo>
                  <a:pt x="11414991" y="811259"/>
                  <a:pt x="11420127" y="800998"/>
                  <a:pt x="11420127" y="784954"/>
                </a:cubicBezTo>
                <a:cubicBezTo>
                  <a:pt x="11420127" y="768780"/>
                  <a:pt x="11414991" y="758519"/>
                  <a:pt x="11407158" y="753124"/>
                </a:cubicBezTo>
                <a:cubicBezTo>
                  <a:pt x="11402540" y="749660"/>
                  <a:pt x="11395990" y="748117"/>
                  <a:pt x="11389700" y="748117"/>
                </a:cubicBezTo>
                <a:close/>
                <a:moveTo>
                  <a:pt x="11267473" y="748117"/>
                </a:moveTo>
                <a:cubicBezTo>
                  <a:pt x="11261312" y="748117"/>
                  <a:pt x="11254892" y="749919"/>
                  <a:pt x="11250015" y="753124"/>
                </a:cubicBezTo>
                <a:cubicBezTo>
                  <a:pt x="11242182" y="758519"/>
                  <a:pt x="11237046" y="768780"/>
                  <a:pt x="11237046" y="784954"/>
                </a:cubicBezTo>
                <a:cubicBezTo>
                  <a:pt x="11237046" y="800998"/>
                  <a:pt x="11242182" y="811270"/>
                  <a:pt x="11250015" y="816654"/>
                </a:cubicBezTo>
                <a:cubicBezTo>
                  <a:pt x="11254763" y="819988"/>
                  <a:pt x="11261183" y="821531"/>
                  <a:pt x="11267473" y="821531"/>
                </a:cubicBezTo>
                <a:cubicBezTo>
                  <a:pt x="11273764" y="821531"/>
                  <a:pt x="11279925" y="819859"/>
                  <a:pt x="11284931" y="816654"/>
                </a:cubicBezTo>
                <a:cubicBezTo>
                  <a:pt x="11292635" y="811259"/>
                  <a:pt x="11297771" y="800998"/>
                  <a:pt x="11297771" y="784954"/>
                </a:cubicBezTo>
                <a:cubicBezTo>
                  <a:pt x="11297771" y="768780"/>
                  <a:pt x="11292635" y="758519"/>
                  <a:pt x="11284931" y="753124"/>
                </a:cubicBezTo>
                <a:cubicBezTo>
                  <a:pt x="11279925" y="749660"/>
                  <a:pt x="11273764" y="748117"/>
                  <a:pt x="11267473" y="748117"/>
                </a:cubicBezTo>
                <a:close/>
                <a:moveTo>
                  <a:pt x="11199756" y="748117"/>
                </a:moveTo>
                <a:cubicBezTo>
                  <a:pt x="11189495" y="748117"/>
                  <a:pt x="11182698" y="750297"/>
                  <a:pt x="11178857" y="751452"/>
                </a:cubicBezTo>
                <a:cubicBezTo>
                  <a:pt x="11174368" y="752994"/>
                  <a:pt x="11172825" y="754656"/>
                  <a:pt x="11172825" y="756965"/>
                </a:cubicBezTo>
                <a:cubicBezTo>
                  <a:pt x="11172825" y="817010"/>
                  <a:pt x="11172825" y="817010"/>
                  <a:pt x="11172825" y="817010"/>
                </a:cubicBezTo>
                <a:cubicBezTo>
                  <a:pt x="11172825" y="819190"/>
                  <a:pt x="11173343" y="819449"/>
                  <a:pt x="11175263" y="819449"/>
                </a:cubicBezTo>
                <a:cubicBezTo>
                  <a:pt x="11181932" y="819449"/>
                  <a:pt x="11181932" y="819449"/>
                  <a:pt x="11181932" y="819449"/>
                </a:cubicBezTo>
                <a:cubicBezTo>
                  <a:pt x="11183852" y="819449"/>
                  <a:pt x="11184748" y="819190"/>
                  <a:pt x="11184748" y="816751"/>
                </a:cubicBezTo>
                <a:cubicBezTo>
                  <a:pt x="11184748" y="761454"/>
                  <a:pt x="11184748" y="761454"/>
                  <a:pt x="11184748" y="761454"/>
                </a:cubicBezTo>
                <a:cubicBezTo>
                  <a:pt x="11184748" y="758497"/>
                  <a:pt x="11189873" y="755422"/>
                  <a:pt x="11199238" y="755422"/>
                </a:cubicBezTo>
                <a:cubicBezTo>
                  <a:pt x="11214884" y="755422"/>
                  <a:pt x="11214884" y="765554"/>
                  <a:pt x="11214884" y="771844"/>
                </a:cubicBezTo>
                <a:cubicBezTo>
                  <a:pt x="11214884" y="816751"/>
                  <a:pt x="11214884" y="816751"/>
                  <a:pt x="11214884" y="816751"/>
                </a:cubicBezTo>
                <a:cubicBezTo>
                  <a:pt x="11214884" y="819190"/>
                  <a:pt x="11215650" y="819449"/>
                  <a:pt x="11217959" y="819449"/>
                </a:cubicBezTo>
                <a:cubicBezTo>
                  <a:pt x="11225393" y="819449"/>
                  <a:pt x="11225393" y="819449"/>
                  <a:pt x="11225393" y="819449"/>
                </a:cubicBezTo>
                <a:cubicBezTo>
                  <a:pt x="11226688" y="819201"/>
                  <a:pt x="11226817" y="817917"/>
                  <a:pt x="11226817" y="816762"/>
                </a:cubicBezTo>
                <a:cubicBezTo>
                  <a:pt x="11226817" y="770312"/>
                  <a:pt x="11226817" y="770312"/>
                  <a:pt x="11226817" y="770312"/>
                </a:cubicBezTo>
                <a:cubicBezTo>
                  <a:pt x="11226817" y="762230"/>
                  <a:pt x="11226688" y="748117"/>
                  <a:pt x="11199756" y="748117"/>
                </a:cubicBezTo>
                <a:close/>
                <a:moveTo>
                  <a:pt x="11681273" y="724801"/>
                </a:moveTo>
                <a:cubicBezTo>
                  <a:pt x="11678975" y="724801"/>
                  <a:pt x="11678845" y="725567"/>
                  <a:pt x="11678845" y="727876"/>
                </a:cubicBezTo>
                <a:cubicBezTo>
                  <a:pt x="11678845" y="752250"/>
                  <a:pt x="11678845" y="752250"/>
                  <a:pt x="11678845" y="752250"/>
                </a:cubicBezTo>
                <a:cubicBezTo>
                  <a:pt x="11674626" y="750070"/>
                  <a:pt x="11670537" y="748527"/>
                  <a:pt x="11664279" y="748527"/>
                </a:cubicBezTo>
                <a:cubicBezTo>
                  <a:pt x="11643455" y="748527"/>
                  <a:pt x="11632848" y="768413"/>
                  <a:pt x="11632848" y="784954"/>
                </a:cubicBezTo>
                <a:cubicBezTo>
                  <a:pt x="11632848" y="809587"/>
                  <a:pt x="11646260" y="821510"/>
                  <a:pt x="11666707" y="821510"/>
                </a:cubicBezTo>
                <a:cubicBezTo>
                  <a:pt x="11676547" y="821531"/>
                  <a:pt x="11690477" y="816654"/>
                  <a:pt x="11690477" y="812036"/>
                </a:cubicBezTo>
                <a:cubicBezTo>
                  <a:pt x="11690477" y="727498"/>
                  <a:pt x="11690477" y="727498"/>
                  <a:pt x="11690477" y="727498"/>
                </a:cubicBezTo>
                <a:cubicBezTo>
                  <a:pt x="11690477" y="724930"/>
                  <a:pt x="11689711" y="724801"/>
                  <a:pt x="11687919" y="724801"/>
                </a:cubicBezTo>
                <a:cubicBezTo>
                  <a:pt x="11681273" y="724801"/>
                  <a:pt x="11681273" y="724801"/>
                  <a:pt x="11681273" y="724801"/>
                </a:cubicBezTo>
                <a:close/>
                <a:moveTo>
                  <a:pt x="11786797" y="724552"/>
                </a:moveTo>
                <a:cubicBezTo>
                  <a:pt x="11785384" y="724552"/>
                  <a:pt x="11784607" y="724811"/>
                  <a:pt x="11784607" y="726732"/>
                </a:cubicBezTo>
                <a:cubicBezTo>
                  <a:pt x="11784607" y="817280"/>
                  <a:pt x="11784607" y="817280"/>
                  <a:pt x="11784607" y="817280"/>
                </a:cubicBezTo>
                <a:cubicBezTo>
                  <a:pt x="11784607" y="819071"/>
                  <a:pt x="11784995" y="819330"/>
                  <a:pt x="11786797" y="819330"/>
                </a:cubicBezTo>
                <a:cubicBezTo>
                  <a:pt x="11793864" y="819330"/>
                  <a:pt x="11793864" y="819330"/>
                  <a:pt x="11793864" y="819330"/>
                </a:cubicBezTo>
                <a:cubicBezTo>
                  <a:pt x="11795526" y="819330"/>
                  <a:pt x="11796303" y="819330"/>
                  <a:pt x="11796303" y="817409"/>
                </a:cubicBezTo>
                <a:cubicBezTo>
                  <a:pt x="11796303" y="726473"/>
                  <a:pt x="11796303" y="726473"/>
                  <a:pt x="11796303" y="726473"/>
                </a:cubicBezTo>
                <a:cubicBezTo>
                  <a:pt x="11796303" y="724552"/>
                  <a:pt x="11795407" y="724552"/>
                  <a:pt x="11793864" y="724552"/>
                </a:cubicBezTo>
                <a:cubicBezTo>
                  <a:pt x="11786797" y="724552"/>
                  <a:pt x="11786797" y="724552"/>
                  <a:pt x="11786797" y="724552"/>
                </a:cubicBezTo>
                <a:close/>
                <a:moveTo>
                  <a:pt x="11712617" y="723776"/>
                </a:moveTo>
                <a:cubicBezTo>
                  <a:pt x="11708291" y="723776"/>
                  <a:pt x="11705237" y="726851"/>
                  <a:pt x="11705237" y="730940"/>
                </a:cubicBezTo>
                <a:cubicBezTo>
                  <a:pt x="11705237" y="734781"/>
                  <a:pt x="11707913" y="737975"/>
                  <a:pt x="11712358" y="737975"/>
                </a:cubicBezTo>
                <a:cubicBezTo>
                  <a:pt x="11716933" y="737845"/>
                  <a:pt x="11719739" y="734263"/>
                  <a:pt x="11719609" y="730433"/>
                </a:cubicBezTo>
                <a:cubicBezTo>
                  <a:pt x="11719350" y="726462"/>
                  <a:pt x="11716178" y="723776"/>
                  <a:pt x="11712617" y="723776"/>
                </a:cubicBezTo>
                <a:close/>
                <a:moveTo>
                  <a:pt x="11855021" y="713601"/>
                </a:moveTo>
                <a:lnTo>
                  <a:pt x="11855284" y="713794"/>
                </a:lnTo>
                <a:lnTo>
                  <a:pt x="11855021" y="713860"/>
                </a:lnTo>
                <a:cubicBezTo>
                  <a:pt x="11855021" y="713860"/>
                  <a:pt x="11855021" y="713860"/>
                  <a:pt x="11855021" y="713601"/>
                </a:cubicBezTo>
                <a:close/>
                <a:moveTo>
                  <a:pt x="11847209" y="704235"/>
                </a:moveTo>
                <a:cubicBezTo>
                  <a:pt x="11851428" y="704235"/>
                  <a:pt x="11851428" y="704235"/>
                  <a:pt x="11851428" y="704235"/>
                </a:cubicBezTo>
                <a:cubicBezTo>
                  <a:pt x="11853608" y="704235"/>
                  <a:pt x="11857190" y="704235"/>
                  <a:pt x="11857190" y="707699"/>
                </a:cubicBezTo>
                <a:cubicBezTo>
                  <a:pt x="11857190" y="711162"/>
                  <a:pt x="11853478" y="711162"/>
                  <a:pt x="11851817" y="711162"/>
                </a:cubicBezTo>
                <a:cubicBezTo>
                  <a:pt x="11847209" y="711162"/>
                  <a:pt x="11847209" y="711162"/>
                  <a:pt x="11847209" y="711162"/>
                </a:cubicBezTo>
                <a:close/>
                <a:moveTo>
                  <a:pt x="11843627" y="701020"/>
                </a:moveTo>
                <a:lnTo>
                  <a:pt x="11843627" y="724250"/>
                </a:lnTo>
                <a:cubicBezTo>
                  <a:pt x="11847468" y="724250"/>
                  <a:pt x="11847468" y="724250"/>
                  <a:pt x="11847468" y="724250"/>
                </a:cubicBezTo>
                <a:cubicBezTo>
                  <a:pt x="11847468" y="714367"/>
                  <a:pt x="11847468" y="714367"/>
                  <a:pt x="11847468" y="714367"/>
                </a:cubicBezTo>
                <a:cubicBezTo>
                  <a:pt x="11849648" y="714367"/>
                  <a:pt x="11849648" y="714367"/>
                  <a:pt x="11849648" y="714367"/>
                </a:cubicBezTo>
                <a:cubicBezTo>
                  <a:pt x="11852723" y="714367"/>
                  <a:pt x="11853867" y="715521"/>
                  <a:pt x="11856553" y="720528"/>
                </a:cubicBezTo>
                <a:cubicBezTo>
                  <a:pt x="11858603" y="724121"/>
                  <a:pt x="11858603" y="724121"/>
                  <a:pt x="11858603" y="724121"/>
                </a:cubicBezTo>
                <a:cubicBezTo>
                  <a:pt x="11863081" y="724121"/>
                  <a:pt x="11863081" y="724121"/>
                  <a:pt x="11863081" y="724121"/>
                </a:cubicBezTo>
                <a:cubicBezTo>
                  <a:pt x="11860265" y="719503"/>
                  <a:pt x="11860265" y="719503"/>
                  <a:pt x="11860265" y="719503"/>
                </a:cubicBezTo>
                <a:cubicBezTo>
                  <a:pt x="11858857" y="717258"/>
                  <a:pt x="11857864" y="715942"/>
                  <a:pt x="11857064" y="715107"/>
                </a:cubicBezTo>
                <a:lnTo>
                  <a:pt x="11855284" y="713794"/>
                </a:lnTo>
                <a:lnTo>
                  <a:pt x="11858039" y="713107"/>
                </a:lnTo>
                <a:cubicBezTo>
                  <a:pt x="11860542" y="711860"/>
                  <a:pt x="11861549" y="709333"/>
                  <a:pt x="11861549" y="707310"/>
                </a:cubicBezTo>
                <a:cubicBezTo>
                  <a:pt x="11861549" y="705390"/>
                  <a:pt x="11860653" y="703717"/>
                  <a:pt x="11859370" y="702822"/>
                </a:cubicBezTo>
                <a:cubicBezTo>
                  <a:pt x="11857449" y="701020"/>
                  <a:pt x="11854385" y="701020"/>
                  <a:pt x="11851817" y="701020"/>
                </a:cubicBezTo>
                <a:cubicBezTo>
                  <a:pt x="11843627" y="701020"/>
                  <a:pt x="11843627" y="701020"/>
                  <a:pt x="11843627" y="701020"/>
                </a:cubicBezTo>
                <a:close/>
                <a:moveTo>
                  <a:pt x="11852712" y="694611"/>
                </a:moveTo>
                <a:cubicBezTo>
                  <a:pt x="11862563" y="694611"/>
                  <a:pt x="11870623" y="702563"/>
                  <a:pt x="11870623" y="712446"/>
                </a:cubicBezTo>
                <a:cubicBezTo>
                  <a:pt x="11870623" y="722330"/>
                  <a:pt x="11862693" y="730541"/>
                  <a:pt x="11852712" y="730541"/>
                </a:cubicBezTo>
                <a:cubicBezTo>
                  <a:pt x="11842861" y="730541"/>
                  <a:pt x="11834931" y="722330"/>
                  <a:pt x="11834931" y="712446"/>
                </a:cubicBezTo>
                <a:cubicBezTo>
                  <a:pt x="11834801" y="702563"/>
                  <a:pt x="11842732" y="694611"/>
                  <a:pt x="11852712" y="694611"/>
                </a:cubicBezTo>
                <a:close/>
                <a:moveTo>
                  <a:pt x="11852712" y="690888"/>
                </a:moveTo>
                <a:cubicBezTo>
                  <a:pt x="11840940" y="690888"/>
                  <a:pt x="11831348" y="700513"/>
                  <a:pt x="11831348" y="712446"/>
                </a:cubicBezTo>
                <a:cubicBezTo>
                  <a:pt x="11831348" y="724509"/>
                  <a:pt x="11840940" y="734004"/>
                  <a:pt x="11852712" y="734004"/>
                </a:cubicBezTo>
                <a:cubicBezTo>
                  <a:pt x="11864613" y="734004"/>
                  <a:pt x="11874076" y="724250"/>
                  <a:pt x="11874076" y="712446"/>
                </a:cubicBezTo>
                <a:cubicBezTo>
                  <a:pt x="11874076" y="700642"/>
                  <a:pt x="11864484" y="690888"/>
                  <a:pt x="11852712" y="690888"/>
                </a:cubicBezTo>
                <a:close/>
                <a:moveTo>
                  <a:pt x="11639380" y="551044"/>
                </a:moveTo>
                <a:cubicBezTo>
                  <a:pt x="11639972" y="550996"/>
                  <a:pt x="11640676" y="551285"/>
                  <a:pt x="11641189" y="551862"/>
                </a:cubicBezTo>
                <a:cubicBezTo>
                  <a:pt x="11649011" y="560062"/>
                  <a:pt x="11646325" y="621974"/>
                  <a:pt x="11644652" y="634274"/>
                </a:cubicBezTo>
                <a:cubicBezTo>
                  <a:pt x="11644264" y="637349"/>
                  <a:pt x="11641448" y="639788"/>
                  <a:pt x="11640682" y="633508"/>
                </a:cubicBezTo>
                <a:cubicBezTo>
                  <a:pt x="11639786" y="625567"/>
                  <a:pt x="11635557" y="607235"/>
                  <a:pt x="11634273" y="599671"/>
                </a:cubicBezTo>
                <a:cubicBezTo>
                  <a:pt x="11632859" y="592496"/>
                  <a:pt x="11636841" y="570582"/>
                  <a:pt x="11638243" y="552250"/>
                </a:cubicBezTo>
                <a:cubicBezTo>
                  <a:pt x="11638308" y="551479"/>
                  <a:pt x="11638788" y="551093"/>
                  <a:pt x="11639380" y="551044"/>
                </a:cubicBezTo>
                <a:close/>
                <a:moveTo>
                  <a:pt x="11490639" y="502002"/>
                </a:moveTo>
                <a:cubicBezTo>
                  <a:pt x="11510395" y="504700"/>
                  <a:pt x="11530399" y="505207"/>
                  <a:pt x="11550015" y="504052"/>
                </a:cubicBezTo>
                <a:cubicBezTo>
                  <a:pt x="11553220" y="516223"/>
                  <a:pt x="11552831" y="532116"/>
                  <a:pt x="11548343" y="536605"/>
                </a:cubicBezTo>
                <a:cubicBezTo>
                  <a:pt x="11541157" y="543910"/>
                  <a:pt x="11508722" y="542496"/>
                  <a:pt x="11499486" y="541094"/>
                </a:cubicBezTo>
                <a:cubicBezTo>
                  <a:pt x="11496918" y="540705"/>
                  <a:pt x="11494361" y="540327"/>
                  <a:pt x="11492948" y="533659"/>
                </a:cubicBezTo>
                <a:cubicBezTo>
                  <a:pt x="11491405" y="525837"/>
                  <a:pt x="11491275" y="511486"/>
                  <a:pt x="11490639" y="502002"/>
                </a:cubicBezTo>
                <a:close/>
                <a:moveTo>
                  <a:pt x="11594253" y="498797"/>
                </a:moveTo>
                <a:cubicBezTo>
                  <a:pt x="11599767" y="509048"/>
                  <a:pt x="11600155" y="514950"/>
                  <a:pt x="11598612" y="520075"/>
                </a:cubicBezTo>
                <a:cubicBezTo>
                  <a:pt x="11597069" y="525200"/>
                  <a:pt x="11589894" y="528146"/>
                  <a:pt x="11588351" y="527509"/>
                </a:cubicBezTo>
                <a:cubicBezTo>
                  <a:pt x="11588092" y="516482"/>
                  <a:pt x="11585147" y="508152"/>
                  <a:pt x="11580011" y="500718"/>
                </a:cubicBezTo>
                <a:cubicBezTo>
                  <a:pt x="11584510" y="499952"/>
                  <a:pt x="11589257" y="499315"/>
                  <a:pt x="11594253" y="498797"/>
                </a:cubicBezTo>
                <a:close/>
                <a:moveTo>
                  <a:pt x="11441405" y="491374"/>
                </a:moveTo>
                <a:cubicBezTo>
                  <a:pt x="11447684" y="493295"/>
                  <a:pt x="11454104" y="494967"/>
                  <a:pt x="11460384" y="496499"/>
                </a:cubicBezTo>
                <a:cubicBezTo>
                  <a:pt x="11456025" y="524056"/>
                  <a:pt x="11447436" y="531868"/>
                  <a:pt x="11442948" y="533670"/>
                </a:cubicBezTo>
                <a:cubicBezTo>
                  <a:pt x="11439473" y="535073"/>
                  <a:pt x="11431910" y="535839"/>
                  <a:pt x="11434607" y="527132"/>
                </a:cubicBezTo>
                <a:cubicBezTo>
                  <a:pt x="11437305" y="518413"/>
                  <a:pt x="11439862" y="503545"/>
                  <a:pt x="11441405" y="491374"/>
                </a:cubicBezTo>
                <a:close/>
                <a:moveTo>
                  <a:pt x="11419441" y="484343"/>
                </a:moveTo>
                <a:cubicBezTo>
                  <a:pt x="11421606" y="484488"/>
                  <a:pt x="11425004" y="485801"/>
                  <a:pt x="11431543" y="488299"/>
                </a:cubicBezTo>
                <a:cubicBezTo>
                  <a:pt x="11430647" y="509447"/>
                  <a:pt x="11425263" y="521499"/>
                  <a:pt x="11423202" y="532257"/>
                </a:cubicBezTo>
                <a:cubicBezTo>
                  <a:pt x="11420893" y="543284"/>
                  <a:pt x="11433204" y="545841"/>
                  <a:pt x="11444102" y="543154"/>
                </a:cubicBezTo>
                <a:cubicBezTo>
                  <a:pt x="11454870" y="540468"/>
                  <a:pt x="11465132" y="529182"/>
                  <a:pt x="11469620" y="498549"/>
                </a:cubicBezTo>
                <a:cubicBezTo>
                  <a:pt x="11473850" y="499574"/>
                  <a:pt x="11477313" y="500092"/>
                  <a:pt x="11481672" y="500729"/>
                </a:cubicBezTo>
                <a:cubicBezTo>
                  <a:pt x="11482190" y="532516"/>
                  <a:pt x="11484111" y="539691"/>
                  <a:pt x="11485395" y="542507"/>
                </a:cubicBezTo>
                <a:cubicBezTo>
                  <a:pt x="11487833" y="548398"/>
                  <a:pt x="11493735" y="550329"/>
                  <a:pt x="11498472" y="550707"/>
                </a:cubicBezTo>
                <a:cubicBezTo>
                  <a:pt x="11523353" y="552628"/>
                  <a:pt x="11547458" y="551862"/>
                  <a:pt x="11555917" y="543532"/>
                </a:cubicBezTo>
                <a:cubicBezTo>
                  <a:pt x="11564506" y="535073"/>
                  <a:pt x="11561560" y="514443"/>
                  <a:pt x="11559122" y="503286"/>
                </a:cubicBezTo>
                <a:cubicBezTo>
                  <a:pt x="11563092" y="502898"/>
                  <a:pt x="11566308" y="502520"/>
                  <a:pt x="11570149" y="502002"/>
                </a:cubicBezTo>
                <a:cubicBezTo>
                  <a:pt x="11578360" y="511486"/>
                  <a:pt x="11579385" y="521866"/>
                  <a:pt x="11579385" y="528405"/>
                </a:cubicBezTo>
                <a:cubicBezTo>
                  <a:pt x="11579385" y="535709"/>
                  <a:pt x="11587466" y="539551"/>
                  <a:pt x="11598752" y="531739"/>
                </a:cubicBezTo>
                <a:cubicBezTo>
                  <a:pt x="11609909" y="523916"/>
                  <a:pt x="11608884" y="510202"/>
                  <a:pt x="11602723" y="497773"/>
                </a:cubicBezTo>
                <a:cubicBezTo>
                  <a:pt x="11628371" y="495722"/>
                  <a:pt x="11627086" y="512511"/>
                  <a:pt x="11625673" y="533282"/>
                </a:cubicBezTo>
                <a:cubicBezTo>
                  <a:pt x="11624389" y="553793"/>
                  <a:pt x="11619771" y="582882"/>
                  <a:pt x="11612855" y="586216"/>
                </a:cubicBezTo>
                <a:cubicBezTo>
                  <a:pt x="11605798" y="589162"/>
                  <a:pt x="11594771" y="570323"/>
                  <a:pt x="11537326" y="569428"/>
                </a:cubicBezTo>
                <a:cubicBezTo>
                  <a:pt x="11496551" y="568661"/>
                  <a:pt x="11465261" y="574175"/>
                  <a:pt x="11459488" y="611465"/>
                </a:cubicBezTo>
                <a:cubicBezTo>
                  <a:pt x="11459100" y="614151"/>
                  <a:pt x="11457568" y="613774"/>
                  <a:pt x="11456154" y="612360"/>
                </a:cubicBezTo>
                <a:cubicBezTo>
                  <a:pt x="11444998" y="600189"/>
                  <a:pt x="11434737" y="594676"/>
                  <a:pt x="11418325" y="585191"/>
                </a:cubicBezTo>
                <a:cubicBezTo>
                  <a:pt x="11401785" y="575448"/>
                  <a:pt x="11390757" y="562382"/>
                  <a:pt x="11388707" y="549434"/>
                </a:cubicBezTo>
                <a:cubicBezTo>
                  <a:pt x="11386657" y="536486"/>
                  <a:pt x="11391405" y="519190"/>
                  <a:pt x="11414743" y="487403"/>
                </a:cubicBezTo>
                <a:cubicBezTo>
                  <a:pt x="11416346" y="485224"/>
                  <a:pt x="11417276" y="484199"/>
                  <a:pt x="11419441" y="484343"/>
                </a:cubicBezTo>
                <a:close/>
                <a:moveTo>
                  <a:pt x="11358173" y="469801"/>
                </a:moveTo>
                <a:cubicBezTo>
                  <a:pt x="11352402" y="469752"/>
                  <a:pt x="11342133" y="472433"/>
                  <a:pt x="11346260" y="478275"/>
                </a:cubicBezTo>
                <a:cubicBezTo>
                  <a:pt x="11351763" y="486314"/>
                  <a:pt x="11362639" y="473042"/>
                  <a:pt x="11361744" y="470744"/>
                </a:cubicBezTo>
                <a:cubicBezTo>
                  <a:pt x="11361520" y="470137"/>
                  <a:pt x="11360096" y="469817"/>
                  <a:pt x="11358173" y="469801"/>
                </a:cubicBezTo>
                <a:close/>
                <a:moveTo>
                  <a:pt x="11354455" y="453696"/>
                </a:moveTo>
                <a:cubicBezTo>
                  <a:pt x="11359222" y="452705"/>
                  <a:pt x="11365520" y="456094"/>
                  <a:pt x="11379471" y="464453"/>
                </a:cubicBezTo>
                <a:cubicBezTo>
                  <a:pt x="11402044" y="478167"/>
                  <a:pt x="11408971" y="475351"/>
                  <a:pt x="11401267" y="487522"/>
                </a:cubicBezTo>
                <a:cubicBezTo>
                  <a:pt x="11396519" y="495345"/>
                  <a:pt x="11380486" y="516104"/>
                  <a:pt x="11376515" y="541611"/>
                </a:cubicBezTo>
                <a:cubicBezTo>
                  <a:pt x="11371131" y="534436"/>
                  <a:pt x="11363815" y="516622"/>
                  <a:pt x="11357665" y="511745"/>
                </a:cubicBezTo>
                <a:cubicBezTo>
                  <a:pt x="11345613" y="502261"/>
                  <a:pt x="11335222" y="509566"/>
                  <a:pt x="11330734" y="504052"/>
                </a:cubicBezTo>
                <a:cubicBezTo>
                  <a:pt x="11325727" y="498031"/>
                  <a:pt x="11323677" y="497643"/>
                  <a:pt x="11328166" y="491881"/>
                </a:cubicBezTo>
                <a:cubicBezTo>
                  <a:pt x="11328166" y="491881"/>
                  <a:pt x="11333550" y="484835"/>
                  <a:pt x="11335600" y="481879"/>
                </a:cubicBezTo>
                <a:cubicBezTo>
                  <a:pt x="11337909" y="478804"/>
                  <a:pt x="11337272" y="473031"/>
                  <a:pt x="11338297" y="470604"/>
                </a:cubicBezTo>
                <a:cubicBezTo>
                  <a:pt x="11339193" y="468165"/>
                  <a:pt x="11344707" y="460861"/>
                  <a:pt x="11349972" y="456124"/>
                </a:cubicBezTo>
                <a:cubicBezTo>
                  <a:pt x="11351448" y="454843"/>
                  <a:pt x="11352866" y="454026"/>
                  <a:pt x="11354455" y="453696"/>
                </a:cubicBezTo>
                <a:close/>
                <a:moveTo>
                  <a:pt x="11324025" y="392924"/>
                </a:moveTo>
                <a:cubicBezTo>
                  <a:pt x="11322935" y="393149"/>
                  <a:pt x="11322134" y="395329"/>
                  <a:pt x="11322134" y="400006"/>
                </a:cubicBezTo>
                <a:cubicBezTo>
                  <a:pt x="11322134" y="423463"/>
                  <a:pt x="11332395" y="437555"/>
                  <a:pt x="11335988" y="441536"/>
                </a:cubicBezTo>
                <a:cubicBezTo>
                  <a:pt x="11339452" y="445507"/>
                  <a:pt x="11341114" y="449477"/>
                  <a:pt x="11339193" y="451786"/>
                </a:cubicBezTo>
                <a:cubicBezTo>
                  <a:pt x="11334068" y="457807"/>
                  <a:pt x="11328554" y="464475"/>
                  <a:pt x="11328425" y="467162"/>
                </a:cubicBezTo>
                <a:cubicBezTo>
                  <a:pt x="11328166" y="470107"/>
                  <a:pt x="11328425" y="471521"/>
                  <a:pt x="11327270" y="474855"/>
                </a:cubicBezTo>
                <a:cubicBezTo>
                  <a:pt x="11326116" y="478059"/>
                  <a:pt x="11322016" y="482796"/>
                  <a:pt x="11315477" y="490748"/>
                </a:cubicBezTo>
                <a:cubicBezTo>
                  <a:pt x="11311884" y="495366"/>
                  <a:pt x="11314193" y="500362"/>
                  <a:pt x="11317268" y="503696"/>
                </a:cubicBezTo>
                <a:cubicBezTo>
                  <a:pt x="11320861" y="507796"/>
                  <a:pt x="11323300" y="512544"/>
                  <a:pt x="11327788" y="514594"/>
                </a:cubicBezTo>
                <a:cubicBezTo>
                  <a:pt x="11332406" y="516644"/>
                  <a:pt x="11336506" y="515230"/>
                  <a:pt x="11341890" y="516137"/>
                </a:cubicBezTo>
                <a:cubicBezTo>
                  <a:pt x="11347016" y="517032"/>
                  <a:pt x="11353436" y="520107"/>
                  <a:pt x="11358561" y="529214"/>
                </a:cubicBezTo>
                <a:cubicBezTo>
                  <a:pt x="11365995" y="542539"/>
                  <a:pt x="11373947" y="563310"/>
                  <a:pt x="11388308" y="580476"/>
                </a:cubicBezTo>
                <a:cubicBezTo>
                  <a:pt x="11394717" y="588040"/>
                  <a:pt x="11394717" y="602013"/>
                  <a:pt x="11394717" y="606490"/>
                </a:cubicBezTo>
                <a:cubicBezTo>
                  <a:pt x="11395106" y="646736"/>
                  <a:pt x="11374076" y="684803"/>
                  <a:pt x="11360611" y="709026"/>
                </a:cubicBezTo>
                <a:cubicBezTo>
                  <a:pt x="11357406" y="714669"/>
                  <a:pt x="11358172" y="719406"/>
                  <a:pt x="11362402" y="719406"/>
                </a:cubicBezTo>
                <a:cubicBezTo>
                  <a:pt x="11367279" y="719406"/>
                  <a:pt x="11385481" y="719406"/>
                  <a:pt x="11388567" y="719406"/>
                </a:cubicBezTo>
                <a:cubicBezTo>
                  <a:pt x="11391901" y="719406"/>
                  <a:pt x="11393951" y="715813"/>
                  <a:pt x="11394210" y="711972"/>
                </a:cubicBezTo>
                <a:cubicBezTo>
                  <a:pt x="11396519" y="679030"/>
                  <a:pt x="11415110" y="618661"/>
                  <a:pt x="11429094" y="608411"/>
                </a:cubicBezTo>
                <a:cubicBezTo>
                  <a:pt x="11452561" y="623150"/>
                  <a:pt x="11475900" y="654678"/>
                  <a:pt x="11464484" y="709921"/>
                </a:cubicBezTo>
                <a:cubicBezTo>
                  <a:pt x="11463966" y="712996"/>
                  <a:pt x="11461150" y="719665"/>
                  <a:pt x="11468207" y="719665"/>
                </a:cubicBezTo>
                <a:cubicBezTo>
                  <a:pt x="11468207" y="719665"/>
                  <a:pt x="11488082" y="719665"/>
                  <a:pt x="11490650" y="719665"/>
                </a:cubicBezTo>
                <a:cubicBezTo>
                  <a:pt x="11493595" y="719665"/>
                  <a:pt x="11498343" y="718510"/>
                  <a:pt x="11497954" y="713126"/>
                </a:cubicBezTo>
                <a:cubicBezTo>
                  <a:pt x="11496800" y="691590"/>
                  <a:pt x="11478716" y="646100"/>
                  <a:pt x="11473979" y="619309"/>
                </a:cubicBezTo>
                <a:cubicBezTo>
                  <a:pt x="11471034" y="602390"/>
                  <a:pt x="11484499" y="572146"/>
                  <a:pt x="11535276" y="595345"/>
                </a:cubicBezTo>
                <a:cubicBezTo>
                  <a:pt x="11554773" y="577790"/>
                  <a:pt x="11580421" y="588428"/>
                  <a:pt x="11569383" y="622136"/>
                </a:cubicBezTo>
                <a:cubicBezTo>
                  <a:pt x="11558614" y="655713"/>
                  <a:pt x="11549249" y="670452"/>
                  <a:pt x="11512315" y="709932"/>
                </a:cubicBezTo>
                <a:cubicBezTo>
                  <a:pt x="11508215" y="714550"/>
                  <a:pt x="11507827" y="719417"/>
                  <a:pt x="11514624" y="719417"/>
                </a:cubicBezTo>
                <a:cubicBezTo>
                  <a:pt x="11517958" y="719417"/>
                  <a:pt x="11534888" y="719417"/>
                  <a:pt x="11538351" y="719417"/>
                </a:cubicBezTo>
                <a:cubicBezTo>
                  <a:pt x="11543476" y="719417"/>
                  <a:pt x="11545537" y="717874"/>
                  <a:pt x="11547069" y="713903"/>
                </a:cubicBezTo>
                <a:cubicBezTo>
                  <a:pt x="11548483" y="709673"/>
                  <a:pt x="11565412" y="656102"/>
                  <a:pt x="11598623" y="630983"/>
                </a:cubicBezTo>
                <a:cubicBezTo>
                  <a:pt x="11601191" y="629063"/>
                  <a:pt x="11603371" y="620474"/>
                  <a:pt x="11608496" y="600869"/>
                </a:cubicBezTo>
                <a:cubicBezTo>
                  <a:pt x="11624529" y="622017"/>
                  <a:pt x="11626709" y="660461"/>
                  <a:pt x="11599130" y="710062"/>
                </a:cubicBezTo>
                <a:cubicBezTo>
                  <a:pt x="11596314" y="715316"/>
                  <a:pt x="11597976" y="719287"/>
                  <a:pt x="11601439" y="719287"/>
                </a:cubicBezTo>
                <a:cubicBezTo>
                  <a:pt x="11603360" y="719287"/>
                  <a:pt x="11618368" y="719287"/>
                  <a:pt x="11622857" y="719287"/>
                </a:cubicBezTo>
                <a:cubicBezTo>
                  <a:pt x="11626828" y="719287"/>
                  <a:pt x="11627982" y="717107"/>
                  <a:pt x="11629525" y="711087"/>
                </a:cubicBezTo>
                <a:cubicBezTo>
                  <a:pt x="11631446" y="703653"/>
                  <a:pt x="11632093" y="700060"/>
                  <a:pt x="11634650" y="693014"/>
                </a:cubicBezTo>
                <a:cubicBezTo>
                  <a:pt x="11636193" y="688655"/>
                  <a:pt x="11636830" y="687889"/>
                  <a:pt x="11654018" y="688018"/>
                </a:cubicBezTo>
                <a:cubicBezTo>
                  <a:pt x="11659402" y="688018"/>
                  <a:pt x="11659024" y="685202"/>
                  <a:pt x="11659024" y="680584"/>
                </a:cubicBezTo>
                <a:cubicBezTo>
                  <a:pt x="11659272" y="614151"/>
                  <a:pt x="11659661" y="544687"/>
                  <a:pt x="11654654" y="520852"/>
                </a:cubicBezTo>
                <a:cubicBezTo>
                  <a:pt x="11647727" y="487403"/>
                  <a:pt x="11618617" y="486378"/>
                  <a:pt x="11603360" y="487533"/>
                </a:cubicBezTo>
                <a:cubicBezTo>
                  <a:pt x="11587456" y="488688"/>
                  <a:pt x="11557449" y="493424"/>
                  <a:pt x="11526547" y="493424"/>
                </a:cubicBezTo>
                <a:cubicBezTo>
                  <a:pt x="11484866" y="493424"/>
                  <a:pt x="11437930" y="481631"/>
                  <a:pt x="11402033" y="464842"/>
                </a:cubicBezTo>
                <a:cubicBezTo>
                  <a:pt x="11395753" y="462026"/>
                  <a:pt x="11398958" y="460742"/>
                  <a:pt x="11401644" y="459199"/>
                </a:cubicBezTo>
                <a:cubicBezTo>
                  <a:pt x="11415110" y="451765"/>
                  <a:pt x="11426774" y="445097"/>
                  <a:pt x="11433960" y="433314"/>
                </a:cubicBezTo>
                <a:cubicBezTo>
                  <a:pt x="11439473" y="424348"/>
                  <a:pt x="11437423" y="421521"/>
                  <a:pt x="11431392" y="426398"/>
                </a:cubicBezTo>
                <a:cubicBezTo>
                  <a:pt x="11415110" y="439982"/>
                  <a:pt x="11391890" y="447546"/>
                  <a:pt x="11365995" y="438191"/>
                </a:cubicBezTo>
                <a:cubicBezTo>
                  <a:pt x="11339959" y="428966"/>
                  <a:pt x="11329957" y="403847"/>
                  <a:pt x="11327648" y="397567"/>
                </a:cubicBezTo>
                <a:cubicBezTo>
                  <a:pt x="11326493" y="394428"/>
                  <a:pt x="11325115" y="392699"/>
                  <a:pt x="11324025" y="392924"/>
                </a:cubicBezTo>
                <a:close/>
                <a:moveTo>
                  <a:pt x="11391491" y="334037"/>
                </a:moveTo>
                <a:cubicBezTo>
                  <a:pt x="11410848" y="334037"/>
                  <a:pt x="11426364" y="349790"/>
                  <a:pt x="11426364" y="368996"/>
                </a:cubicBezTo>
                <a:cubicBezTo>
                  <a:pt x="11426364" y="388331"/>
                  <a:pt x="11410848" y="403955"/>
                  <a:pt x="11391491" y="403955"/>
                </a:cubicBezTo>
                <a:cubicBezTo>
                  <a:pt x="11372134" y="403955"/>
                  <a:pt x="11356360" y="388331"/>
                  <a:pt x="11356360" y="368996"/>
                </a:cubicBezTo>
                <a:cubicBezTo>
                  <a:pt x="11356360" y="349542"/>
                  <a:pt x="11372134" y="334037"/>
                  <a:pt x="11391491" y="334037"/>
                </a:cubicBezTo>
                <a:close/>
                <a:moveTo>
                  <a:pt x="11389959" y="321618"/>
                </a:moveTo>
                <a:cubicBezTo>
                  <a:pt x="11360729" y="321618"/>
                  <a:pt x="11337262" y="345442"/>
                  <a:pt x="11337262" y="374510"/>
                </a:cubicBezTo>
                <a:cubicBezTo>
                  <a:pt x="11337262" y="403836"/>
                  <a:pt x="11360978" y="427401"/>
                  <a:pt x="11389959" y="427401"/>
                </a:cubicBezTo>
                <a:cubicBezTo>
                  <a:pt x="11419189" y="427401"/>
                  <a:pt x="11442656" y="403577"/>
                  <a:pt x="11442656" y="374510"/>
                </a:cubicBezTo>
                <a:cubicBezTo>
                  <a:pt x="11442656" y="345183"/>
                  <a:pt x="11419189" y="321618"/>
                  <a:pt x="11389959" y="321618"/>
                </a:cubicBezTo>
                <a:close/>
                <a:moveTo>
                  <a:pt x="0" y="0"/>
                </a:moveTo>
                <a:lnTo>
                  <a:pt x="12191999" y="0"/>
                </a:lnTo>
                <a:lnTo>
                  <a:pt x="12191999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031" name="Title 2">
            <a:extLst>
              <a:ext uri="{FF2B5EF4-FFF2-40B4-BE49-F238E27FC236}">
                <a16:creationId xmlns:a16="http://schemas.microsoft.com/office/drawing/2014/main" id="{4A9ADE3C-C3F4-E950-F42A-896065E8056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0" y="-143302"/>
            <a:ext cx="8652000" cy="1046902"/>
          </a:xfrm>
        </p:spPr>
        <p:txBody>
          <a:bodyPr vert="horz" lIns="0" tIns="0" rIns="0" bIns="144000" rtlCol="0" anchor="b" anchorCtr="0">
            <a:normAutofit/>
          </a:bodyPr>
          <a:lstStyle/>
          <a:p>
            <a:r>
              <a:rPr lang="en-US" kern="1200" dirty="0" err="1">
                <a:latin typeface="+mj-lt"/>
                <a:ea typeface="+mj-ea"/>
                <a:cs typeface="+mj-cs"/>
              </a:rPr>
              <a:t>Föräldramöte</a:t>
            </a:r>
            <a:r>
              <a:rPr lang="en-US" kern="1200" dirty="0">
                <a:latin typeface="+mj-lt"/>
                <a:ea typeface="+mj-ea"/>
                <a:cs typeface="+mj-cs"/>
              </a:rPr>
              <a:t> P12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8204323-E78E-5F0D-E592-BFAF9FA50B4B}"/>
              </a:ext>
            </a:extLst>
          </p:cNvPr>
          <p:cNvSpPr txBox="1"/>
          <p:nvPr/>
        </p:nvSpPr>
        <p:spPr>
          <a:xfrm>
            <a:off x="647999" y="3753000"/>
            <a:ext cx="8652001" cy="1309148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spcBef>
                <a:spcPts val="300"/>
              </a:spcBef>
              <a:spcAft>
                <a:spcPts val="600"/>
              </a:spcAft>
            </a:pPr>
            <a:endParaRPr lang="en-US" sz="2000" kern="1200" dirty="0">
              <a:solidFill>
                <a:schemeClr val="bg1"/>
              </a:solidFill>
              <a:latin typeface="+mj-lt"/>
              <a:ea typeface="+mn-ea"/>
              <a:cs typeface="+mn-cs"/>
            </a:endParaRPr>
          </a:p>
        </p:txBody>
      </p:sp>
      <p:sp>
        <p:nvSpPr>
          <p:cNvPr id="2" name="Slide Number Placeholder 1" hidden="1">
            <a:extLst>
              <a:ext uri="{FF2B5EF4-FFF2-40B4-BE49-F238E27FC236}">
                <a16:creationId xmlns:a16="http://schemas.microsoft.com/office/drawing/2014/main" id="{3E755C31-4C62-4116-B9B6-0C7F46E0847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324000" y="324000"/>
            <a:ext cx="324000" cy="125850"/>
          </a:xfrm>
        </p:spPr>
        <p:txBody>
          <a:bodyPr/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US" smtClean="0"/>
              <a:pPr>
                <a:spcAft>
                  <a:spcPts val="600"/>
                </a:spcAft>
              </a:pPr>
              <a:t>1</a:t>
            </a:fld>
            <a:endParaRPr lang="en-US"/>
          </a:p>
        </p:txBody>
      </p:sp>
      <p:sp>
        <p:nvSpPr>
          <p:cNvPr id="7" name="dynamic logo white" descr="{&quot;templafy&quot;:{&quot;id&quot;:&quot;dfaf3a11-8330-4f32-8e98-b0fe97385246&quot;}}" title="Form.PLogoChoice.PLogoInsertionWhite">
            <a:extLst>
              <a:ext uri="{FF2B5EF4-FFF2-40B4-BE49-F238E27FC236}">
                <a16:creationId xmlns:a16="http://schemas.microsoft.com/office/drawing/2014/main" id="{ECC5C2B8-1FEB-290B-813D-1123324204A8}"/>
              </a:ext>
            </a:extLst>
          </p:cNvPr>
          <p:cNvSpPr/>
          <p:nvPr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3981670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C14CE662-896F-4B91-AC3E-A6F3F69CD6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59" imgH="360" progId="TCLayout.ActiveDocument.1">
                  <p:embed/>
                </p:oleObj>
              </mc:Choice>
              <mc:Fallback>
                <p:oleObj name="think-cell Slide" r:id="rId4" imgW="359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C14CE662-896F-4B91-AC3E-A6F3F69CD6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0" name="Group 9">
            <a:extLst>
              <a:ext uri="{FF2B5EF4-FFF2-40B4-BE49-F238E27FC236}">
                <a16:creationId xmlns:a16="http://schemas.microsoft.com/office/drawing/2014/main" id="{FBC72BAF-DB7A-4B5D-BDA1-5D61A8D27C80}"/>
              </a:ext>
            </a:extLst>
          </p:cNvPr>
          <p:cNvGrpSpPr/>
          <p:nvPr/>
        </p:nvGrpSpPr>
        <p:grpSpPr>
          <a:xfrm>
            <a:off x="2864601" y="1446154"/>
            <a:ext cx="4736536" cy="4806005"/>
            <a:chOff x="4118290" y="941792"/>
            <a:chExt cx="4736536" cy="4806005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47129784-92BB-4512-AECB-0708BD1F2EBF}"/>
                </a:ext>
              </a:extLst>
            </p:cNvPr>
            <p:cNvGrpSpPr/>
            <p:nvPr/>
          </p:nvGrpSpPr>
          <p:grpSpPr>
            <a:xfrm>
              <a:off x="4118290" y="941792"/>
              <a:ext cx="4736536" cy="4689527"/>
              <a:chOff x="4118290" y="941792"/>
              <a:chExt cx="4736536" cy="4689527"/>
            </a:xfrm>
          </p:grpSpPr>
          <p:sp>
            <p:nvSpPr>
              <p:cNvPr id="74" name="Freeform: Shape 73">
                <a:extLst>
                  <a:ext uri="{FF2B5EF4-FFF2-40B4-BE49-F238E27FC236}">
                    <a16:creationId xmlns:a16="http://schemas.microsoft.com/office/drawing/2014/main" id="{51E0EF56-03CA-49AB-A53F-D3ECCF145F7A}"/>
                  </a:ext>
                </a:extLst>
              </p:cNvPr>
              <p:cNvSpPr/>
              <p:nvPr/>
            </p:nvSpPr>
            <p:spPr>
              <a:xfrm rot="8876369">
                <a:off x="6325593" y="941792"/>
                <a:ext cx="1263554" cy="1261010"/>
              </a:xfrm>
              <a:custGeom>
                <a:avLst/>
                <a:gdLst>
                  <a:gd name="connsiteX0" fmla="*/ 774963 w 1263554"/>
                  <a:gd name="connsiteY0" fmla="*/ 1261010 h 1261010"/>
                  <a:gd name="connsiteX1" fmla="*/ 603359 w 1263554"/>
                  <a:gd name="connsiteY1" fmla="*/ 1141070 h 1261010"/>
                  <a:gd name="connsiteX2" fmla="*/ 32150 w 1263554"/>
                  <a:gd name="connsiteY2" fmla="*/ 479108 h 1261010"/>
                  <a:gd name="connsiteX3" fmla="*/ 0 w 1263554"/>
                  <a:gd name="connsiteY3" fmla="*/ 415075 h 1261010"/>
                  <a:gd name="connsiteX4" fmla="*/ 820509 w 1263554"/>
                  <a:gd name="connsiteY4" fmla="*/ 0 h 1261010"/>
                  <a:gd name="connsiteX5" fmla="*/ 833600 w 1263554"/>
                  <a:gd name="connsiteY5" fmla="*/ 26075 h 1261010"/>
                  <a:gd name="connsiteX6" fmla="*/ 1169186 w 1263554"/>
                  <a:gd name="connsiteY6" fmla="*/ 414978 h 1261010"/>
                  <a:gd name="connsiteX7" fmla="*/ 1263554 w 1263554"/>
                  <a:gd name="connsiteY7" fmla="*/ 480936 h 1261010"/>
                  <a:gd name="connsiteX8" fmla="*/ 774963 w 1263554"/>
                  <a:gd name="connsiteY8" fmla="*/ 1261010 h 12610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263554" h="1261010">
                    <a:moveTo>
                      <a:pt x="774963" y="1261010"/>
                    </a:moveTo>
                    <a:lnTo>
                      <a:pt x="603359" y="1141070"/>
                    </a:lnTo>
                    <a:cubicBezTo>
                      <a:pt x="365243" y="955972"/>
                      <a:pt x="173577" y="729822"/>
                      <a:pt x="32150" y="479108"/>
                    </a:cubicBezTo>
                    <a:lnTo>
                      <a:pt x="0" y="415075"/>
                    </a:lnTo>
                    <a:lnTo>
                      <a:pt x="820509" y="0"/>
                    </a:lnTo>
                    <a:lnTo>
                      <a:pt x="833600" y="26075"/>
                    </a:lnTo>
                    <a:cubicBezTo>
                      <a:pt x="916688" y="173370"/>
                      <a:pt x="1029292" y="306233"/>
                      <a:pt x="1169186" y="414978"/>
                    </a:cubicBezTo>
                    <a:lnTo>
                      <a:pt x="1263554" y="480936"/>
                    </a:lnTo>
                    <a:lnTo>
                      <a:pt x="774963" y="1261010"/>
                    </a:lnTo>
                    <a:close/>
                  </a:path>
                </a:pathLst>
              </a:custGeom>
              <a:solidFill>
                <a:schemeClr val="accent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73" name="Freeform: Shape 72">
                <a:extLst>
                  <a:ext uri="{FF2B5EF4-FFF2-40B4-BE49-F238E27FC236}">
                    <a16:creationId xmlns:a16="http://schemas.microsoft.com/office/drawing/2014/main" id="{EEDF3D3D-7723-4D83-8D6E-88C944BA467A}"/>
                  </a:ext>
                </a:extLst>
              </p:cNvPr>
              <p:cNvSpPr/>
              <p:nvPr/>
            </p:nvSpPr>
            <p:spPr>
              <a:xfrm rot="8876369">
                <a:off x="5534890" y="1054106"/>
                <a:ext cx="1127554" cy="1104852"/>
              </a:xfrm>
              <a:custGeom>
                <a:avLst/>
                <a:gdLst>
                  <a:gd name="connsiteX0" fmla="*/ 0 w 1127554"/>
                  <a:gd name="connsiteY0" fmla="*/ 780074 h 1104852"/>
                  <a:gd name="connsiteX1" fmla="*/ 488591 w 1127554"/>
                  <a:gd name="connsiteY1" fmla="*/ 0 h 1104852"/>
                  <a:gd name="connsiteX2" fmla="*/ 582462 w 1127554"/>
                  <a:gd name="connsiteY2" fmla="*/ 52398 h 1104852"/>
                  <a:gd name="connsiteX3" fmla="*/ 1078839 w 1127554"/>
                  <a:gd name="connsiteY3" fmla="*/ 184585 h 1104852"/>
                  <a:gd name="connsiteX4" fmla="*/ 1127554 w 1127554"/>
                  <a:gd name="connsiteY4" fmla="*/ 185249 h 1104852"/>
                  <a:gd name="connsiteX5" fmla="*/ 1127553 w 1127554"/>
                  <a:gd name="connsiteY5" fmla="*/ 1104852 h 1104852"/>
                  <a:gd name="connsiteX6" fmla="*/ 1021047 w 1127554"/>
                  <a:gd name="connsiteY6" fmla="*/ 1103400 h 1104852"/>
                  <a:gd name="connsiteX7" fmla="*/ 176151 w 1127554"/>
                  <a:gd name="connsiteY7" fmla="*/ 878401 h 1104852"/>
                  <a:gd name="connsiteX8" fmla="*/ 0 w 1127554"/>
                  <a:gd name="connsiteY8" fmla="*/ 780074 h 11048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27554" h="1104852">
                    <a:moveTo>
                      <a:pt x="0" y="780074"/>
                    </a:moveTo>
                    <a:lnTo>
                      <a:pt x="488591" y="0"/>
                    </a:lnTo>
                    <a:lnTo>
                      <a:pt x="582462" y="52398"/>
                    </a:lnTo>
                    <a:cubicBezTo>
                      <a:pt x="741361" y="130798"/>
                      <a:pt x="910049" y="174119"/>
                      <a:pt x="1078839" y="184585"/>
                    </a:cubicBezTo>
                    <a:lnTo>
                      <a:pt x="1127554" y="185249"/>
                    </a:lnTo>
                    <a:lnTo>
                      <a:pt x="1127553" y="1104852"/>
                    </a:lnTo>
                    <a:lnTo>
                      <a:pt x="1021047" y="1103400"/>
                    </a:lnTo>
                    <a:cubicBezTo>
                      <a:pt x="733747" y="1085585"/>
                      <a:pt x="446618" y="1011848"/>
                      <a:pt x="176151" y="878401"/>
                    </a:cubicBezTo>
                    <a:lnTo>
                      <a:pt x="0" y="780074"/>
                    </a:lnTo>
                    <a:close/>
                  </a:path>
                </a:pathLst>
              </a:custGeom>
              <a:solidFill>
                <a:schemeClr val="bg2">
                  <a:lumMod val="60000"/>
                  <a:lumOff val="40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72" name="Freeform: Shape 71">
                <a:extLst>
                  <a:ext uri="{FF2B5EF4-FFF2-40B4-BE49-F238E27FC236}">
                    <a16:creationId xmlns:a16="http://schemas.microsoft.com/office/drawing/2014/main" id="{ACAE6F4A-618F-4399-BC9F-325869687AC3}"/>
                  </a:ext>
                </a:extLst>
              </p:cNvPr>
              <p:cNvSpPr/>
              <p:nvPr/>
            </p:nvSpPr>
            <p:spPr>
              <a:xfrm rot="8876369">
                <a:off x="7150853" y="1518121"/>
                <a:ext cx="1055300" cy="1056775"/>
              </a:xfrm>
              <a:custGeom>
                <a:avLst/>
                <a:gdLst>
                  <a:gd name="connsiteX0" fmla="*/ 234792 w 1055300"/>
                  <a:gd name="connsiteY0" fmla="*/ 1056775 h 1056775"/>
                  <a:gd name="connsiteX1" fmla="*/ 190864 w 1055300"/>
                  <a:gd name="connsiteY1" fmla="*/ 969284 h 1056775"/>
                  <a:gd name="connsiteX2" fmla="*/ 0 w 1055300"/>
                  <a:gd name="connsiteY2" fmla="*/ 138559 h 1056775"/>
                  <a:gd name="connsiteX3" fmla="*/ 1890 w 1055300"/>
                  <a:gd name="connsiteY3" fmla="*/ 0 h 1056775"/>
                  <a:gd name="connsiteX4" fmla="*/ 920957 w 1055300"/>
                  <a:gd name="connsiteY4" fmla="*/ 39312 h 1056775"/>
                  <a:gd name="connsiteX5" fmla="*/ 920026 w 1055300"/>
                  <a:gd name="connsiteY5" fmla="*/ 107559 h 1056775"/>
                  <a:gd name="connsiteX6" fmla="*/ 1032159 w 1055300"/>
                  <a:gd name="connsiteY6" fmla="*/ 595609 h 1056775"/>
                  <a:gd name="connsiteX7" fmla="*/ 1055300 w 1055300"/>
                  <a:gd name="connsiteY7" fmla="*/ 641700 h 1056775"/>
                  <a:gd name="connsiteX8" fmla="*/ 234792 w 1055300"/>
                  <a:gd name="connsiteY8" fmla="*/ 1056775 h 10567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055300" h="1056775">
                    <a:moveTo>
                      <a:pt x="234792" y="1056775"/>
                    </a:moveTo>
                    <a:lnTo>
                      <a:pt x="190864" y="969284"/>
                    </a:lnTo>
                    <a:cubicBezTo>
                      <a:pt x="74794" y="707319"/>
                      <a:pt x="9910" y="424914"/>
                      <a:pt x="0" y="138559"/>
                    </a:cubicBezTo>
                    <a:lnTo>
                      <a:pt x="1890" y="0"/>
                    </a:lnTo>
                    <a:lnTo>
                      <a:pt x="920957" y="39312"/>
                    </a:lnTo>
                    <a:lnTo>
                      <a:pt x="920026" y="107559"/>
                    </a:lnTo>
                    <a:cubicBezTo>
                      <a:pt x="925848" y="275793"/>
                      <a:pt x="963968" y="441706"/>
                      <a:pt x="1032159" y="595609"/>
                    </a:cubicBezTo>
                    <a:lnTo>
                      <a:pt x="1055300" y="641700"/>
                    </a:lnTo>
                    <a:lnTo>
                      <a:pt x="234792" y="1056775"/>
                    </a:lnTo>
                    <a:close/>
                  </a:path>
                </a:pathLst>
              </a:custGeom>
              <a:solidFill>
                <a:schemeClr val="accent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71" name="Freeform: Shape 70">
                <a:extLst>
                  <a:ext uri="{FF2B5EF4-FFF2-40B4-BE49-F238E27FC236}">
                    <a16:creationId xmlns:a16="http://schemas.microsoft.com/office/drawing/2014/main" id="{B4A78435-310C-4146-A6F6-9054D4B8556F}"/>
                  </a:ext>
                </a:extLst>
              </p:cNvPr>
              <p:cNvSpPr/>
              <p:nvPr/>
            </p:nvSpPr>
            <p:spPr>
              <a:xfrm rot="8876369">
                <a:off x="4532362" y="1677768"/>
                <a:ext cx="1133295" cy="1096930"/>
              </a:xfrm>
              <a:custGeom>
                <a:avLst/>
                <a:gdLst>
                  <a:gd name="connsiteX0" fmla="*/ 0 w 1133295"/>
                  <a:gd name="connsiteY0" fmla="*/ 1096071 h 1096930"/>
                  <a:gd name="connsiteX1" fmla="*/ 0 w 1133295"/>
                  <a:gd name="connsiteY1" fmla="*/ 176468 h 1096930"/>
                  <a:gd name="connsiteX2" fmla="*/ 32025 w 1133295"/>
                  <a:gd name="connsiteY2" fmla="*/ 176904 h 1096930"/>
                  <a:gd name="connsiteX3" fmla="*/ 633100 w 1133295"/>
                  <a:gd name="connsiteY3" fmla="*/ 8025 h 1096930"/>
                  <a:gd name="connsiteX4" fmla="*/ 645834 w 1133295"/>
                  <a:gd name="connsiteY4" fmla="*/ 0 h 1096930"/>
                  <a:gd name="connsiteX5" fmla="*/ 1133295 w 1133295"/>
                  <a:gd name="connsiteY5" fmla="*/ 779754 h 1096930"/>
                  <a:gd name="connsiteX6" fmla="*/ 1086132 w 1133295"/>
                  <a:gd name="connsiteY6" fmla="*/ 809475 h 1096930"/>
                  <a:gd name="connsiteX7" fmla="*/ 63024 w 1133295"/>
                  <a:gd name="connsiteY7" fmla="*/ 1096930 h 1096930"/>
                  <a:gd name="connsiteX8" fmla="*/ 0 w 1133295"/>
                  <a:gd name="connsiteY8" fmla="*/ 1096071 h 10969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33295" h="1096930">
                    <a:moveTo>
                      <a:pt x="0" y="1096071"/>
                    </a:moveTo>
                    <a:lnTo>
                      <a:pt x="0" y="176468"/>
                    </a:lnTo>
                    <a:lnTo>
                      <a:pt x="32025" y="176904"/>
                    </a:lnTo>
                    <a:cubicBezTo>
                      <a:pt x="242317" y="169627"/>
                      <a:pt x="448983" y="111885"/>
                      <a:pt x="633100" y="8025"/>
                    </a:cubicBezTo>
                    <a:lnTo>
                      <a:pt x="645834" y="0"/>
                    </a:lnTo>
                    <a:lnTo>
                      <a:pt x="1133295" y="779754"/>
                    </a:lnTo>
                    <a:lnTo>
                      <a:pt x="1086132" y="809475"/>
                    </a:lnTo>
                    <a:cubicBezTo>
                      <a:pt x="772741" y="986259"/>
                      <a:pt x="420969" y="1084544"/>
                      <a:pt x="63024" y="1096930"/>
                    </a:cubicBezTo>
                    <a:lnTo>
                      <a:pt x="0" y="1096071"/>
                    </a:lnTo>
                    <a:close/>
                  </a:path>
                </a:pathLst>
              </a:custGeom>
              <a:solidFill>
                <a:srgbClr val="CCC5BD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65" name="Freeform: Shape 64">
                <a:extLst>
                  <a:ext uri="{FF2B5EF4-FFF2-40B4-BE49-F238E27FC236}">
                    <a16:creationId xmlns:a16="http://schemas.microsoft.com/office/drawing/2014/main" id="{6897CACE-01C2-4BCF-A9C7-3893022DCF60}"/>
                  </a:ext>
                </a:extLst>
              </p:cNvPr>
              <p:cNvSpPr/>
              <p:nvPr/>
            </p:nvSpPr>
            <p:spPr>
              <a:xfrm rot="8876369">
                <a:off x="7682640" y="2429250"/>
                <a:ext cx="1092199" cy="1070494"/>
              </a:xfrm>
              <a:custGeom>
                <a:avLst/>
                <a:gdLst>
                  <a:gd name="connsiteX0" fmla="*/ 0 w 1092199"/>
                  <a:gd name="connsiteY0" fmla="*/ 1031182 h 1070494"/>
                  <a:gd name="connsiteX1" fmla="*/ 422 w 1092199"/>
                  <a:gd name="connsiteY1" fmla="*/ 1000225 h 1070494"/>
                  <a:gd name="connsiteX2" fmla="*/ 225421 w 1092199"/>
                  <a:gd name="connsiteY2" fmla="*/ 155329 h 1070494"/>
                  <a:gd name="connsiteX3" fmla="*/ 312125 w 1092199"/>
                  <a:gd name="connsiteY3" fmla="*/ 0 h 1070494"/>
                  <a:gd name="connsiteX4" fmla="*/ 1092199 w 1092199"/>
                  <a:gd name="connsiteY4" fmla="*/ 488591 h 1070494"/>
                  <a:gd name="connsiteX5" fmla="*/ 1051424 w 1092199"/>
                  <a:gd name="connsiteY5" fmla="*/ 561639 h 1070494"/>
                  <a:gd name="connsiteX6" fmla="*/ 919237 w 1092199"/>
                  <a:gd name="connsiteY6" fmla="*/ 1058016 h 1070494"/>
                  <a:gd name="connsiteX7" fmla="*/ 919067 w 1092199"/>
                  <a:gd name="connsiteY7" fmla="*/ 1070494 h 1070494"/>
                  <a:gd name="connsiteX8" fmla="*/ 0 w 1092199"/>
                  <a:gd name="connsiteY8" fmla="*/ 1031182 h 107049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092199" h="1070494">
                    <a:moveTo>
                      <a:pt x="0" y="1031182"/>
                    </a:moveTo>
                    <a:lnTo>
                      <a:pt x="422" y="1000225"/>
                    </a:lnTo>
                    <a:cubicBezTo>
                      <a:pt x="18236" y="712924"/>
                      <a:pt x="91974" y="425796"/>
                      <a:pt x="225421" y="155329"/>
                    </a:cubicBezTo>
                    <a:lnTo>
                      <a:pt x="312125" y="0"/>
                    </a:lnTo>
                    <a:lnTo>
                      <a:pt x="1092199" y="488591"/>
                    </a:lnTo>
                    <a:lnTo>
                      <a:pt x="1051424" y="561639"/>
                    </a:lnTo>
                    <a:cubicBezTo>
                      <a:pt x="973023" y="720539"/>
                      <a:pt x="929703" y="889227"/>
                      <a:pt x="919237" y="1058016"/>
                    </a:cubicBezTo>
                    <a:lnTo>
                      <a:pt x="919067" y="1070494"/>
                    </a:lnTo>
                    <a:lnTo>
                      <a:pt x="0" y="1031182"/>
                    </a:lnTo>
                    <a:close/>
                  </a:path>
                </a:pathLst>
              </a:custGeom>
              <a:solidFill>
                <a:schemeClr val="accent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64" name="Freeform: Shape 63">
                <a:extLst>
                  <a:ext uri="{FF2B5EF4-FFF2-40B4-BE49-F238E27FC236}">
                    <a16:creationId xmlns:a16="http://schemas.microsoft.com/office/drawing/2014/main" id="{C979D439-92DD-4CA3-86A2-FAA3AC8B54C9}"/>
                  </a:ext>
                </a:extLst>
              </p:cNvPr>
              <p:cNvSpPr/>
              <p:nvPr/>
            </p:nvSpPr>
            <p:spPr>
              <a:xfrm rot="8876369">
                <a:off x="4118290" y="2334959"/>
                <a:ext cx="1165490" cy="1151510"/>
              </a:xfrm>
              <a:custGeom>
                <a:avLst/>
                <a:gdLst>
                  <a:gd name="connsiteX0" fmla="*/ 487460 w 1165490"/>
                  <a:gd name="connsiteY0" fmla="*/ 1151510 h 1151510"/>
                  <a:gd name="connsiteX1" fmla="*/ 0 w 1165490"/>
                  <a:gd name="connsiteY1" fmla="*/ 371755 h 1151510"/>
                  <a:gd name="connsiteX2" fmla="*/ 56200 w 1165490"/>
                  <a:gd name="connsiteY2" fmla="*/ 336339 h 1151510"/>
                  <a:gd name="connsiteX3" fmla="*/ 337489 w 1165490"/>
                  <a:gd name="connsiteY3" fmla="*/ 68569 h 1151510"/>
                  <a:gd name="connsiteX4" fmla="*/ 385415 w 1165490"/>
                  <a:gd name="connsiteY4" fmla="*/ 0 h 1151510"/>
                  <a:gd name="connsiteX5" fmla="*/ 1165490 w 1165490"/>
                  <a:gd name="connsiteY5" fmla="*/ 488591 h 1151510"/>
                  <a:gd name="connsiteX6" fmla="*/ 1063581 w 1165490"/>
                  <a:gd name="connsiteY6" fmla="*/ 634396 h 1151510"/>
                  <a:gd name="connsiteX7" fmla="*/ 584790 w 1165490"/>
                  <a:gd name="connsiteY7" fmla="*/ 1090175 h 1151510"/>
                  <a:gd name="connsiteX8" fmla="*/ 487460 w 1165490"/>
                  <a:gd name="connsiteY8" fmla="*/ 1151510 h 11515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65490" h="1151510">
                    <a:moveTo>
                      <a:pt x="487460" y="1151510"/>
                    </a:moveTo>
                    <a:lnTo>
                      <a:pt x="0" y="371755"/>
                    </a:lnTo>
                    <a:lnTo>
                      <a:pt x="56200" y="336339"/>
                    </a:lnTo>
                    <a:cubicBezTo>
                      <a:pt x="160805" y="263059"/>
                      <a:pt x="255930" y="173489"/>
                      <a:pt x="337489" y="68569"/>
                    </a:cubicBezTo>
                    <a:lnTo>
                      <a:pt x="385415" y="0"/>
                    </a:lnTo>
                    <a:lnTo>
                      <a:pt x="1165490" y="488591"/>
                    </a:lnTo>
                    <a:lnTo>
                      <a:pt x="1063581" y="634396"/>
                    </a:lnTo>
                    <a:cubicBezTo>
                      <a:pt x="924757" y="812983"/>
                      <a:pt x="762842" y="965442"/>
                      <a:pt x="584790" y="1090175"/>
                    </a:cubicBezTo>
                    <a:lnTo>
                      <a:pt x="487460" y="1151510"/>
                    </a:lnTo>
                    <a:close/>
                  </a:path>
                </a:pathLst>
              </a:custGeom>
              <a:solidFill>
                <a:schemeClr val="bg2">
                  <a:lumMod val="7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35" name="Freeform: Shape 34">
                <a:extLst>
                  <a:ext uri="{FF2B5EF4-FFF2-40B4-BE49-F238E27FC236}">
                    <a16:creationId xmlns:a16="http://schemas.microsoft.com/office/drawing/2014/main" id="{AE7C5D47-1E5C-40E4-AF6B-693D78A33857}"/>
                  </a:ext>
                </a:extLst>
              </p:cNvPr>
              <p:cNvSpPr/>
              <p:nvPr/>
            </p:nvSpPr>
            <p:spPr>
              <a:xfrm rot="8876369">
                <a:off x="4170345" y="3138714"/>
                <a:ext cx="1119324" cy="1100515"/>
              </a:xfrm>
              <a:custGeom>
                <a:avLst/>
                <a:gdLst>
                  <a:gd name="connsiteX0" fmla="*/ 780074 w 1119324"/>
                  <a:gd name="connsiteY0" fmla="*/ 1100515 h 1100515"/>
                  <a:gd name="connsiteX1" fmla="*/ 0 w 1119324"/>
                  <a:gd name="connsiteY1" fmla="*/ 611924 h 1100515"/>
                  <a:gd name="connsiteX2" fmla="*/ 2734 w 1119324"/>
                  <a:gd name="connsiteY2" fmla="*/ 608012 h 1100515"/>
                  <a:gd name="connsiteX3" fmla="*/ 186289 w 1119324"/>
                  <a:gd name="connsiteY3" fmla="*/ 120870 h 1100515"/>
                  <a:gd name="connsiteX4" fmla="*/ 199717 w 1119324"/>
                  <a:gd name="connsiteY4" fmla="*/ 0 h 1100515"/>
                  <a:gd name="connsiteX5" fmla="*/ 1119324 w 1119324"/>
                  <a:gd name="connsiteY5" fmla="*/ 39334 h 1100515"/>
                  <a:gd name="connsiteX6" fmla="*/ 1119149 w 1119324"/>
                  <a:gd name="connsiteY6" fmla="*/ 52240 h 1100515"/>
                  <a:gd name="connsiteX7" fmla="*/ 782808 w 1119324"/>
                  <a:gd name="connsiteY7" fmla="*/ 1096603 h 1100515"/>
                  <a:gd name="connsiteX8" fmla="*/ 780074 w 1119324"/>
                  <a:gd name="connsiteY8" fmla="*/ 1100515 h 11005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19324" h="1100515">
                    <a:moveTo>
                      <a:pt x="780074" y="1100515"/>
                    </a:moveTo>
                    <a:lnTo>
                      <a:pt x="0" y="611924"/>
                    </a:lnTo>
                    <a:lnTo>
                      <a:pt x="2734" y="608012"/>
                    </a:lnTo>
                    <a:cubicBezTo>
                      <a:pt x="98813" y="454613"/>
                      <a:pt x="159257" y="289003"/>
                      <a:pt x="186289" y="120870"/>
                    </a:cubicBezTo>
                    <a:lnTo>
                      <a:pt x="199717" y="0"/>
                    </a:lnTo>
                    <a:lnTo>
                      <a:pt x="1119324" y="39334"/>
                    </a:lnTo>
                    <a:lnTo>
                      <a:pt x="1119149" y="52240"/>
                    </a:lnTo>
                    <a:cubicBezTo>
                      <a:pt x="1096880" y="411365"/>
                      <a:pt x="987233" y="770222"/>
                      <a:pt x="782808" y="1096603"/>
                    </a:cubicBezTo>
                    <a:lnTo>
                      <a:pt x="780074" y="1100515"/>
                    </a:lnTo>
                    <a:close/>
                  </a:path>
                </a:pathLst>
              </a:custGeom>
              <a:solidFill>
                <a:srgbClr val="F8DCE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29" name="Freeform: Shape 28">
                <a:extLst>
                  <a:ext uri="{FF2B5EF4-FFF2-40B4-BE49-F238E27FC236}">
                    <a16:creationId xmlns:a16="http://schemas.microsoft.com/office/drawing/2014/main" id="{F5320555-3A65-4A41-AD70-ACD1ABF066A9}"/>
                  </a:ext>
                </a:extLst>
              </p:cNvPr>
              <p:cNvSpPr/>
              <p:nvPr/>
            </p:nvSpPr>
            <p:spPr>
              <a:xfrm rot="8876369">
                <a:off x="7691974" y="3144531"/>
                <a:ext cx="1162852" cy="1175733"/>
              </a:xfrm>
              <a:custGeom>
                <a:avLst/>
                <a:gdLst>
                  <a:gd name="connsiteX0" fmla="*/ 780074 w 1162852"/>
                  <a:gd name="connsiteY0" fmla="*/ 1175733 h 1175733"/>
                  <a:gd name="connsiteX1" fmla="*/ 0 w 1162852"/>
                  <a:gd name="connsiteY1" fmla="*/ 687142 h 1175733"/>
                  <a:gd name="connsiteX2" fmla="*/ 2325 w 1162852"/>
                  <a:gd name="connsiteY2" fmla="*/ 682975 h 1175733"/>
                  <a:gd name="connsiteX3" fmla="*/ 611983 w 1162852"/>
                  <a:gd name="connsiteY3" fmla="*/ 39959 h 1175733"/>
                  <a:gd name="connsiteX4" fmla="*/ 675393 w 1162852"/>
                  <a:gd name="connsiteY4" fmla="*/ 0 h 1175733"/>
                  <a:gd name="connsiteX5" fmla="*/ 1162852 w 1162852"/>
                  <a:gd name="connsiteY5" fmla="*/ 779754 h 1175733"/>
                  <a:gd name="connsiteX6" fmla="*/ 1140574 w 1162852"/>
                  <a:gd name="connsiteY6" fmla="*/ 793794 h 1175733"/>
                  <a:gd name="connsiteX7" fmla="*/ 782400 w 1162852"/>
                  <a:gd name="connsiteY7" fmla="*/ 1171566 h 1175733"/>
                  <a:gd name="connsiteX8" fmla="*/ 780074 w 1162852"/>
                  <a:gd name="connsiteY8" fmla="*/ 1175733 h 117573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62852" h="1175733">
                    <a:moveTo>
                      <a:pt x="780074" y="1175733"/>
                    </a:moveTo>
                    <a:lnTo>
                      <a:pt x="0" y="687142"/>
                    </a:lnTo>
                    <a:lnTo>
                      <a:pt x="2325" y="682975"/>
                    </a:lnTo>
                    <a:cubicBezTo>
                      <a:pt x="165866" y="421870"/>
                      <a:pt x="374582" y="206269"/>
                      <a:pt x="611983" y="39959"/>
                    </a:cubicBezTo>
                    <a:lnTo>
                      <a:pt x="675393" y="0"/>
                    </a:lnTo>
                    <a:lnTo>
                      <a:pt x="1162852" y="779754"/>
                    </a:lnTo>
                    <a:lnTo>
                      <a:pt x="1140574" y="793794"/>
                    </a:lnTo>
                    <a:cubicBezTo>
                      <a:pt x="1001100" y="891501"/>
                      <a:pt x="878480" y="1018167"/>
                      <a:pt x="782400" y="1171566"/>
                    </a:cubicBezTo>
                    <a:lnTo>
                      <a:pt x="780074" y="1175733"/>
                    </a:lnTo>
                    <a:close/>
                  </a:path>
                </a:pathLst>
              </a:custGeom>
              <a:solidFill>
                <a:schemeClr val="accent3">
                  <a:lumMod val="7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22" name="Freeform: Shape 21">
                <a:extLst>
                  <a:ext uri="{FF2B5EF4-FFF2-40B4-BE49-F238E27FC236}">
                    <a16:creationId xmlns:a16="http://schemas.microsoft.com/office/drawing/2014/main" id="{211B1CEF-6E09-426C-953C-DEE083C4478A}"/>
                  </a:ext>
                </a:extLst>
              </p:cNvPr>
              <p:cNvSpPr/>
              <p:nvPr/>
            </p:nvSpPr>
            <p:spPr>
              <a:xfrm rot="8876369">
                <a:off x="7310493" y="3879655"/>
                <a:ext cx="1145750" cy="1118307"/>
              </a:xfrm>
              <a:custGeom>
                <a:avLst/>
                <a:gdLst>
                  <a:gd name="connsiteX0" fmla="*/ 487460 w 1145750"/>
                  <a:gd name="connsiteY0" fmla="*/ 1118307 h 1118307"/>
                  <a:gd name="connsiteX1" fmla="*/ 0 w 1145750"/>
                  <a:gd name="connsiteY1" fmla="*/ 338552 h 1118307"/>
                  <a:gd name="connsiteX2" fmla="*/ 81083 w 1145750"/>
                  <a:gd name="connsiteY2" fmla="*/ 287455 h 1118307"/>
                  <a:gd name="connsiteX3" fmla="*/ 1104191 w 1145750"/>
                  <a:gd name="connsiteY3" fmla="*/ 0 h 1118307"/>
                  <a:gd name="connsiteX4" fmla="*/ 1145750 w 1145750"/>
                  <a:gd name="connsiteY4" fmla="*/ 566 h 1118307"/>
                  <a:gd name="connsiteX5" fmla="*/ 1145750 w 1145750"/>
                  <a:gd name="connsiteY5" fmla="*/ 920170 h 1118307"/>
                  <a:gd name="connsiteX6" fmla="*/ 1135191 w 1145750"/>
                  <a:gd name="connsiteY6" fmla="*/ 920026 h 1118307"/>
                  <a:gd name="connsiteX7" fmla="*/ 534116 w 1145750"/>
                  <a:gd name="connsiteY7" fmla="*/ 1088906 h 1118307"/>
                  <a:gd name="connsiteX8" fmla="*/ 487460 w 1145750"/>
                  <a:gd name="connsiteY8" fmla="*/ 1118307 h 11183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45750" h="1118307">
                    <a:moveTo>
                      <a:pt x="487460" y="1118307"/>
                    </a:moveTo>
                    <a:lnTo>
                      <a:pt x="0" y="338552"/>
                    </a:lnTo>
                    <a:lnTo>
                      <a:pt x="81083" y="287455"/>
                    </a:lnTo>
                    <a:cubicBezTo>
                      <a:pt x="394475" y="110672"/>
                      <a:pt x="746247" y="12386"/>
                      <a:pt x="1104191" y="0"/>
                    </a:cubicBezTo>
                    <a:lnTo>
                      <a:pt x="1145750" y="566"/>
                    </a:lnTo>
                    <a:lnTo>
                      <a:pt x="1145750" y="920170"/>
                    </a:lnTo>
                    <a:lnTo>
                      <a:pt x="1135191" y="920026"/>
                    </a:lnTo>
                    <a:cubicBezTo>
                      <a:pt x="924899" y="927303"/>
                      <a:pt x="718233" y="985045"/>
                      <a:pt x="534116" y="1088906"/>
                    </a:cubicBezTo>
                    <a:lnTo>
                      <a:pt x="487460" y="1118307"/>
                    </a:ln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21" name="Freeform: Shape 20">
                <a:extLst>
                  <a:ext uri="{FF2B5EF4-FFF2-40B4-BE49-F238E27FC236}">
                    <a16:creationId xmlns:a16="http://schemas.microsoft.com/office/drawing/2014/main" id="{A1B5CDDF-5DA7-4A1C-A8B9-E7FCA3A7308F}"/>
                  </a:ext>
                </a:extLst>
              </p:cNvPr>
              <p:cNvSpPr/>
              <p:nvPr/>
            </p:nvSpPr>
            <p:spPr>
              <a:xfrm rot="8876369">
                <a:off x="4750206" y="4100394"/>
                <a:ext cx="1047713" cy="1059716"/>
              </a:xfrm>
              <a:custGeom>
                <a:avLst/>
                <a:gdLst>
                  <a:gd name="connsiteX0" fmla="*/ 126510 w 1047713"/>
                  <a:gd name="connsiteY0" fmla="*/ 1020405 h 1059716"/>
                  <a:gd name="connsiteX1" fmla="*/ 127687 w 1047713"/>
                  <a:gd name="connsiteY1" fmla="*/ 934105 h 1059716"/>
                  <a:gd name="connsiteX2" fmla="*/ 15555 w 1047713"/>
                  <a:gd name="connsiteY2" fmla="*/ 446055 h 1059716"/>
                  <a:gd name="connsiteX3" fmla="*/ 0 w 1047713"/>
                  <a:gd name="connsiteY3" fmla="*/ 415075 h 1059716"/>
                  <a:gd name="connsiteX4" fmla="*/ 820508 w 1047713"/>
                  <a:gd name="connsiteY4" fmla="*/ 0 h 1059716"/>
                  <a:gd name="connsiteX5" fmla="*/ 856849 w 1047713"/>
                  <a:gd name="connsiteY5" fmla="*/ 72381 h 1059716"/>
                  <a:gd name="connsiteX6" fmla="*/ 1047713 w 1047713"/>
                  <a:gd name="connsiteY6" fmla="*/ 903106 h 1059716"/>
                  <a:gd name="connsiteX7" fmla="*/ 1045577 w 1047713"/>
                  <a:gd name="connsiteY7" fmla="*/ 1059716 h 1059716"/>
                  <a:gd name="connsiteX8" fmla="*/ 126510 w 1047713"/>
                  <a:gd name="connsiteY8" fmla="*/ 1020405 h 105971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047713" h="1059716">
                    <a:moveTo>
                      <a:pt x="126510" y="1020405"/>
                    </a:moveTo>
                    <a:lnTo>
                      <a:pt x="127687" y="934105"/>
                    </a:lnTo>
                    <a:cubicBezTo>
                      <a:pt x="121865" y="765872"/>
                      <a:pt x="83746" y="599959"/>
                      <a:pt x="15555" y="446055"/>
                    </a:cubicBezTo>
                    <a:lnTo>
                      <a:pt x="0" y="415075"/>
                    </a:lnTo>
                    <a:lnTo>
                      <a:pt x="820508" y="0"/>
                    </a:lnTo>
                    <a:lnTo>
                      <a:pt x="856849" y="72381"/>
                    </a:lnTo>
                    <a:cubicBezTo>
                      <a:pt x="972920" y="334345"/>
                      <a:pt x="1037804" y="616750"/>
                      <a:pt x="1047713" y="903106"/>
                    </a:cubicBezTo>
                    <a:lnTo>
                      <a:pt x="1045577" y="1059716"/>
                    </a:lnTo>
                    <a:lnTo>
                      <a:pt x="126510" y="1020405"/>
                    </a:lnTo>
                    <a:close/>
                  </a:path>
                </a:pathLst>
              </a:custGeom>
              <a:solidFill>
                <a:schemeClr val="accent4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18" name="Freeform: Shape 17">
                <a:extLst>
                  <a:ext uri="{FF2B5EF4-FFF2-40B4-BE49-F238E27FC236}">
                    <a16:creationId xmlns:a16="http://schemas.microsoft.com/office/drawing/2014/main" id="{1753AC84-4022-4B68-A7B5-5FF34D441A37}"/>
                  </a:ext>
                </a:extLst>
              </p:cNvPr>
              <p:cNvSpPr/>
              <p:nvPr/>
            </p:nvSpPr>
            <p:spPr>
              <a:xfrm rot="8876369">
                <a:off x="6293439" y="4522455"/>
                <a:ext cx="1155680" cy="1108864"/>
              </a:xfrm>
              <a:custGeom>
                <a:avLst/>
                <a:gdLst>
                  <a:gd name="connsiteX0" fmla="*/ 0 w 1155680"/>
                  <a:gd name="connsiteY0" fmla="*/ 919603 h 1108864"/>
                  <a:gd name="connsiteX1" fmla="*/ 0 w 1155680"/>
                  <a:gd name="connsiteY1" fmla="*/ 0 h 1108864"/>
                  <a:gd name="connsiteX2" fmla="*/ 127972 w 1155680"/>
                  <a:gd name="connsiteY2" fmla="*/ 1745 h 1108864"/>
                  <a:gd name="connsiteX3" fmla="*/ 972868 w 1155680"/>
                  <a:gd name="connsiteY3" fmla="*/ 226745 h 1108864"/>
                  <a:gd name="connsiteX4" fmla="*/ 1155680 w 1155680"/>
                  <a:gd name="connsiteY4" fmla="*/ 328789 h 1108864"/>
                  <a:gd name="connsiteX5" fmla="*/ 667089 w 1155680"/>
                  <a:gd name="connsiteY5" fmla="*/ 1108864 h 1108864"/>
                  <a:gd name="connsiteX6" fmla="*/ 566557 w 1155680"/>
                  <a:gd name="connsiteY6" fmla="*/ 1052747 h 1108864"/>
                  <a:gd name="connsiteX7" fmla="*/ 70181 w 1155680"/>
                  <a:gd name="connsiteY7" fmla="*/ 920560 h 1108864"/>
                  <a:gd name="connsiteX8" fmla="*/ 0 w 1155680"/>
                  <a:gd name="connsiteY8" fmla="*/ 919603 h 11088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55680" h="1108864">
                    <a:moveTo>
                      <a:pt x="0" y="919603"/>
                    </a:moveTo>
                    <a:lnTo>
                      <a:pt x="0" y="0"/>
                    </a:lnTo>
                    <a:lnTo>
                      <a:pt x="127972" y="1745"/>
                    </a:lnTo>
                    <a:cubicBezTo>
                      <a:pt x="415273" y="19560"/>
                      <a:pt x="702401" y="93297"/>
                      <a:pt x="972868" y="226745"/>
                    </a:cubicBezTo>
                    <a:lnTo>
                      <a:pt x="1155680" y="328789"/>
                    </a:lnTo>
                    <a:lnTo>
                      <a:pt x="667089" y="1108864"/>
                    </a:lnTo>
                    <a:lnTo>
                      <a:pt x="566557" y="1052747"/>
                    </a:lnTo>
                    <a:cubicBezTo>
                      <a:pt x="407658" y="974347"/>
                      <a:pt x="238970" y="931026"/>
                      <a:pt x="70181" y="920560"/>
                    </a:cubicBezTo>
                    <a:lnTo>
                      <a:pt x="0" y="919603"/>
                    </a:lnTo>
                    <a:close/>
                  </a:path>
                </a:pathLst>
              </a:custGeom>
              <a:solidFill>
                <a:srgbClr val="AAD3D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</p:grp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C054C77E-4F68-41C3-A717-EBC62F4FDAEE}"/>
                </a:ext>
              </a:extLst>
            </p:cNvPr>
            <p:cNvSpPr/>
            <p:nvPr/>
          </p:nvSpPr>
          <p:spPr>
            <a:xfrm rot="8876369">
              <a:off x="5363733" y="4476045"/>
              <a:ext cx="1264887" cy="1271752"/>
            </a:xfrm>
            <a:custGeom>
              <a:avLst/>
              <a:gdLst>
                <a:gd name="connsiteX0" fmla="*/ 444379 w 1264887"/>
                <a:gd name="connsiteY0" fmla="*/ 1271752 h 1271752"/>
                <a:gd name="connsiteX1" fmla="*/ 423700 w 1264887"/>
                <a:gd name="connsiteY1" fmla="*/ 1230565 h 1271752"/>
                <a:gd name="connsiteX2" fmla="*/ 88115 w 1264887"/>
                <a:gd name="connsiteY2" fmla="*/ 841662 h 1271752"/>
                <a:gd name="connsiteX3" fmla="*/ 0 w 1264887"/>
                <a:gd name="connsiteY3" fmla="*/ 780075 h 1271752"/>
                <a:gd name="connsiteX4" fmla="*/ 488591 w 1264887"/>
                <a:gd name="connsiteY4" fmla="*/ 0 h 1271752"/>
                <a:gd name="connsiteX5" fmla="*/ 653941 w 1264887"/>
                <a:gd name="connsiteY5" fmla="*/ 115570 h 1271752"/>
                <a:gd name="connsiteX6" fmla="*/ 1225150 w 1264887"/>
                <a:gd name="connsiteY6" fmla="*/ 777533 h 1271752"/>
                <a:gd name="connsiteX7" fmla="*/ 1264887 w 1264887"/>
                <a:gd name="connsiteY7" fmla="*/ 856677 h 1271752"/>
                <a:gd name="connsiteX8" fmla="*/ 444379 w 1264887"/>
                <a:gd name="connsiteY8" fmla="*/ 1271752 h 12717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264887" h="1271752">
                  <a:moveTo>
                    <a:pt x="444379" y="1271752"/>
                  </a:moveTo>
                  <a:lnTo>
                    <a:pt x="423700" y="1230565"/>
                  </a:lnTo>
                  <a:cubicBezTo>
                    <a:pt x="340612" y="1083270"/>
                    <a:pt x="228008" y="950407"/>
                    <a:pt x="88115" y="841662"/>
                  </a:cubicBezTo>
                  <a:lnTo>
                    <a:pt x="0" y="780075"/>
                  </a:lnTo>
                  <a:lnTo>
                    <a:pt x="488591" y="0"/>
                  </a:lnTo>
                  <a:lnTo>
                    <a:pt x="653941" y="115570"/>
                  </a:lnTo>
                  <a:cubicBezTo>
                    <a:pt x="892058" y="300668"/>
                    <a:pt x="1083724" y="526818"/>
                    <a:pt x="1225150" y="777533"/>
                  </a:cubicBezTo>
                  <a:lnTo>
                    <a:pt x="1264887" y="856677"/>
                  </a:lnTo>
                  <a:lnTo>
                    <a:pt x="444379" y="1271752"/>
                  </a:lnTo>
                  <a:close/>
                </a:path>
              </a:pathLst>
            </a:custGeom>
            <a:solidFill>
              <a:schemeClr val="accent4">
                <a:lumMod val="7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7E7FE7C2-CE94-4C12-9373-B58615E197FE}"/>
                </a:ext>
              </a:extLst>
            </p:cNvPr>
            <p:cNvSpPr txBox="1"/>
            <p:nvPr/>
          </p:nvSpPr>
          <p:spPr>
            <a:xfrm>
              <a:off x="6660313" y="1501824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JAN</a:t>
              </a:r>
            </a:p>
          </p:txBody>
        </p:sp>
        <p:sp>
          <p:nvSpPr>
            <p:cNvPr id="129" name="TextBox 128">
              <a:extLst>
                <a:ext uri="{FF2B5EF4-FFF2-40B4-BE49-F238E27FC236}">
                  <a16:creationId xmlns:a16="http://schemas.microsoft.com/office/drawing/2014/main" id="{3E42FE2A-4A88-4B9C-811E-1E7BCB1AB95D}"/>
                </a:ext>
              </a:extLst>
            </p:cNvPr>
            <p:cNvSpPr txBox="1"/>
            <p:nvPr/>
          </p:nvSpPr>
          <p:spPr>
            <a:xfrm>
              <a:off x="7467222" y="2009465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FEB</a:t>
              </a:r>
            </a:p>
          </p:txBody>
        </p:sp>
        <p:sp>
          <p:nvSpPr>
            <p:cNvPr id="130" name="TextBox 129">
              <a:extLst>
                <a:ext uri="{FF2B5EF4-FFF2-40B4-BE49-F238E27FC236}">
                  <a16:creationId xmlns:a16="http://schemas.microsoft.com/office/drawing/2014/main" id="{A76FD261-A93C-4468-8734-70F15FE6CE58}"/>
                </a:ext>
              </a:extLst>
            </p:cNvPr>
            <p:cNvSpPr txBox="1"/>
            <p:nvPr/>
          </p:nvSpPr>
          <p:spPr>
            <a:xfrm>
              <a:off x="7910636" y="276180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MAR</a:t>
              </a:r>
            </a:p>
          </p:txBody>
        </p:sp>
        <p:sp>
          <p:nvSpPr>
            <p:cNvPr id="131" name="TextBox 130">
              <a:extLst>
                <a:ext uri="{FF2B5EF4-FFF2-40B4-BE49-F238E27FC236}">
                  <a16:creationId xmlns:a16="http://schemas.microsoft.com/office/drawing/2014/main" id="{9A3F098E-7020-4E05-9129-BE9DEF69A514}"/>
                </a:ext>
              </a:extLst>
            </p:cNvPr>
            <p:cNvSpPr txBox="1"/>
            <p:nvPr/>
          </p:nvSpPr>
          <p:spPr>
            <a:xfrm>
              <a:off x="7961288" y="3592666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APR</a:t>
              </a:r>
            </a:p>
          </p:txBody>
        </p:sp>
        <p:sp>
          <p:nvSpPr>
            <p:cNvPr id="132" name="TextBox 131">
              <a:extLst>
                <a:ext uri="{FF2B5EF4-FFF2-40B4-BE49-F238E27FC236}">
                  <a16:creationId xmlns:a16="http://schemas.microsoft.com/office/drawing/2014/main" id="{95B4672F-DD68-421B-A9F0-ACA607ED9AF5}"/>
                </a:ext>
              </a:extLst>
            </p:cNvPr>
            <p:cNvSpPr txBox="1"/>
            <p:nvPr/>
          </p:nvSpPr>
          <p:spPr>
            <a:xfrm>
              <a:off x="7509133" y="442726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MAY</a:t>
              </a:r>
            </a:p>
          </p:txBody>
        </p:sp>
        <p:sp>
          <p:nvSpPr>
            <p:cNvPr id="133" name="TextBox 132">
              <a:extLst>
                <a:ext uri="{FF2B5EF4-FFF2-40B4-BE49-F238E27FC236}">
                  <a16:creationId xmlns:a16="http://schemas.microsoft.com/office/drawing/2014/main" id="{92C397EC-C40D-4AF5-AFCC-0CE2B7E581F3}"/>
                </a:ext>
              </a:extLst>
            </p:cNvPr>
            <p:cNvSpPr txBox="1"/>
            <p:nvPr/>
          </p:nvSpPr>
          <p:spPr>
            <a:xfrm>
              <a:off x="6693997" y="4875978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JUN</a:t>
              </a:r>
            </a:p>
          </p:txBody>
        </p:sp>
        <p:sp>
          <p:nvSpPr>
            <p:cNvPr id="134" name="TextBox 133">
              <a:extLst>
                <a:ext uri="{FF2B5EF4-FFF2-40B4-BE49-F238E27FC236}">
                  <a16:creationId xmlns:a16="http://schemas.microsoft.com/office/drawing/2014/main" id="{EC5288A2-41B8-4EB9-9A76-588597C3F197}"/>
                </a:ext>
              </a:extLst>
            </p:cNvPr>
            <p:cNvSpPr txBox="1"/>
            <p:nvPr/>
          </p:nvSpPr>
          <p:spPr>
            <a:xfrm>
              <a:off x="5756758" y="4875978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JUL</a:t>
              </a:r>
            </a:p>
          </p:txBody>
        </p:sp>
        <p:sp>
          <p:nvSpPr>
            <p:cNvPr id="135" name="TextBox 134">
              <a:extLst>
                <a:ext uri="{FF2B5EF4-FFF2-40B4-BE49-F238E27FC236}">
                  <a16:creationId xmlns:a16="http://schemas.microsoft.com/office/drawing/2014/main" id="{5A56A565-CD06-4627-8513-5874B4197E6B}"/>
                </a:ext>
              </a:extLst>
            </p:cNvPr>
            <p:cNvSpPr txBox="1"/>
            <p:nvPr/>
          </p:nvSpPr>
          <p:spPr>
            <a:xfrm>
              <a:off x="4913507" y="442726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AUG</a:t>
              </a:r>
            </a:p>
          </p:txBody>
        </p:sp>
        <p:sp>
          <p:nvSpPr>
            <p:cNvPr id="136" name="TextBox 135">
              <a:extLst>
                <a:ext uri="{FF2B5EF4-FFF2-40B4-BE49-F238E27FC236}">
                  <a16:creationId xmlns:a16="http://schemas.microsoft.com/office/drawing/2014/main" id="{D7A827B5-FDE8-4B94-9996-E17FF65710BC}"/>
                </a:ext>
              </a:extLst>
            </p:cNvPr>
            <p:cNvSpPr txBox="1"/>
            <p:nvPr/>
          </p:nvSpPr>
          <p:spPr>
            <a:xfrm>
              <a:off x="4487611" y="364874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SEP</a:t>
              </a:r>
            </a:p>
          </p:txBody>
        </p:sp>
        <p:sp>
          <p:nvSpPr>
            <p:cNvPr id="137" name="TextBox 136">
              <a:extLst>
                <a:ext uri="{FF2B5EF4-FFF2-40B4-BE49-F238E27FC236}">
                  <a16:creationId xmlns:a16="http://schemas.microsoft.com/office/drawing/2014/main" id="{4F7D0C75-38FF-45DA-AB42-C55BB4719845}"/>
                </a:ext>
              </a:extLst>
            </p:cNvPr>
            <p:cNvSpPr txBox="1"/>
            <p:nvPr/>
          </p:nvSpPr>
          <p:spPr>
            <a:xfrm>
              <a:off x="4444183" y="276180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OCT</a:t>
              </a:r>
            </a:p>
          </p:txBody>
        </p:sp>
        <p:sp>
          <p:nvSpPr>
            <p:cNvPr id="138" name="TextBox 137">
              <a:extLst>
                <a:ext uri="{FF2B5EF4-FFF2-40B4-BE49-F238E27FC236}">
                  <a16:creationId xmlns:a16="http://schemas.microsoft.com/office/drawing/2014/main" id="{842B78F6-1577-41DD-9DCC-9D1B8D3B7D9A}"/>
                </a:ext>
              </a:extLst>
            </p:cNvPr>
            <p:cNvSpPr txBox="1"/>
            <p:nvPr/>
          </p:nvSpPr>
          <p:spPr>
            <a:xfrm>
              <a:off x="4872636" y="2009465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NOV</a:t>
              </a:r>
            </a:p>
          </p:txBody>
        </p:sp>
        <p:sp>
          <p:nvSpPr>
            <p:cNvPr id="139" name="TextBox 138">
              <a:extLst>
                <a:ext uri="{FF2B5EF4-FFF2-40B4-BE49-F238E27FC236}">
                  <a16:creationId xmlns:a16="http://schemas.microsoft.com/office/drawing/2014/main" id="{13025A16-5142-4A9E-B978-3BC8FD2FB494}"/>
                </a:ext>
              </a:extLst>
            </p:cNvPr>
            <p:cNvSpPr txBox="1"/>
            <p:nvPr/>
          </p:nvSpPr>
          <p:spPr>
            <a:xfrm>
              <a:off x="5756758" y="1529465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DEC</a:t>
              </a:r>
            </a:p>
          </p:txBody>
        </p:sp>
      </p:grpSp>
      <p:sp>
        <p:nvSpPr>
          <p:cNvPr id="157" name="TextBox 156">
            <a:extLst>
              <a:ext uri="{FF2B5EF4-FFF2-40B4-BE49-F238E27FC236}">
                <a16:creationId xmlns:a16="http://schemas.microsoft.com/office/drawing/2014/main" id="{FB058E83-0AD1-4892-964E-9831466ED3AB}"/>
              </a:ext>
            </a:extLst>
          </p:cNvPr>
          <p:cNvSpPr txBox="1"/>
          <p:nvPr/>
        </p:nvSpPr>
        <p:spPr>
          <a:xfrm>
            <a:off x="1538792" y="4189420"/>
            <a:ext cx="2367310" cy="66030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September</a:t>
            </a: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3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r>
              <a:rPr lang="en-GB" sz="1050" dirty="0">
                <a:solidFill>
                  <a:srgbClr val="002060"/>
                </a:solidFill>
              </a:rPr>
              <a:t> i </a:t>
            </a:r>
            <a:r>
              <a:rPr lang="en-GB" sz="1050" dirty="0" err="1">
                <a:solidFill>
                  <a:srgbClr val="002060"/>
                </a:solidFill>
              </a:rPr>
              <a:t>veckan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Arbetsvecka</a:t>
            </a:r>
            <a:r>
              <a:rPr lang="en-GB" sz="1050" dirty="0">
                <a:solidFill>
                  <a:srgbClr val="002060"/>
                </a:solidFill>
              </a:rPr>
              <a:t>: v 40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9528D65-86EB-431C-A502-45633A8B448A}"/>
              </a:ext>
            </a:extLst>
          </p:cNvPr>
          <p:cNvSpPr txBox="1"/>
          <p:nvPr/>
        </p:nvSpPr>
        <p:spPr>
          <a:xfrm>
            <a:off x="1734258" y="1972588"/>
            <a:ext cx="1919776" cy="3740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1965"/>
                </a:solidFill>
              </a:rPr>
              <a:t>November</a:t>
            </a: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1965"/>
                </a:solidFill>
              </a:rPr>
              <a:t>Försäljning</a:t>
            </a:r>
            <a:r>
              <a:rPr lang="en-GB" sz="1050" dirty="0">
                <a:solidFill>
                  <a:srgbClr val="001965"/>
                </a:solidFill>
              </a:rPr>
              <a:t> </a:t>
            </a:r>
            <a:r>
              <a:rPr lang="en-GB" sz="1050" dirty="0" err="1">
                <a:solidFill>
                  <a:srgbClr val="001965"/>
                </a:solidFill>
              </a:rPr>
              <a:t>av</a:t>
            </a:r>
            <a:r>
              <a:rPr lang="en-GB" sz="1050" dirty="0">
                <a:solidFill>
                  <a:srgbClr val="001965"/>
                </a:solidFill>
              </a:rPr>
              <a:t> </a:t>
            </a:r>
            <a:r>
              <a:rPr lang="en-GB" sz="1050" dirty="0" err="1">
                <a:solidFill>
                  <a:srgbClr val="001965"/>
                </a:solidFill>
              </a:rPr>
              <a:t>bingolotter</a:t>
            </a:r>
            <a:endParaRPr kumimoji="0" lang="da-DK" sz="1050" i="1" u="none" strike="noStrike" kern="1200" cap="none" spc="0" normalizeH="0" baseline="0" noProof="0" dirty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3" name="TextBox 192">
            <a:extLst>
              <a:ext uri="{FF2B5EF4-FFF2-40B4-BE49-F238E27FC236}">
                <a16:creationId xmlns:a16="http://schemas.microsoft.com/office/drawing/2014/main" id="{29D65D53-D6D6-45A7-8A47-B0665BC0C32B}"/>
              </a:ext>
            </a:extLst>
          </p:cNvPr>
          <p:cNvSpPr txBox="1"/>
          <p:nvPr/>
        </p:nvSpPr>
        <p:spPr>
          <a:xfrm>
            <a:off x="7520011" y="2769447"/>
            <a:ext cx="3860477" cy="8179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Mars</a:t>
            </a: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2 </a:t>
            </a:r>
            <a:r>
              <a:rPr lang="en-GB" sz="1000" dirty="0" err="1">
                <a:solidFill>
                  <a:srgbClr val="001965"/>
                </a:solidFill>
              </a:rPr>
              <a:t>träningar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7 mars </a:t>
            </a:r>
            <a:r>
              <a:rPr lang="en-GB" sz="1000" dirty="0" err="1">
                <a:solidFill>
                  <a:srgbClr val="001965"/>
                </a:solidFill>
              </a:rPr>
              <a:t>Träningsmatch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30 mars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Domarutbildning</a:t>
            </a:r>
            <a:r>
              <a:rPr lang="en-GB" sz="1000" dirty="0">
                <a:solidFill>
                  <a:srgbClr val="001965"/>
                </a:solidFill>
              </a:rPr>
              <a:t> #1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07283342-13E9-7B87-3DF5-9E36B66CD4FC}"/>
              </a:ext>
            </a:extLst>
          </p:cNvPr>
          <p:cNvSpPr txBox="1"/>
          <p:nvPr/>
        </p:nvSpPr>
        <p:spPr>
          <a:xfrm>
            <a:off x="7699280" y="3727601"/>
            <a:ext cx="3993549" cy="174124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April</a:t>
            </a: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2 </a:t>
            </a:r>
            <a:r>
              <a:rPr lang="en-GB" sz="1000" dirty="0" err="1">
                <a:solidFill>
                  <a:srgbClr val="001965"/>
                </a:solidFill>
              </a:rPr>
              <a:t>träningar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5 </a:t>
            </a:r>
            <a:r>
              <a:rPr lang="en-GB" sz="1000" b="1" dirty="0" err="1">
                <a:solidFill>
                  <a:srgbClr val="001965"/>
                </a:solidFill>
              </a:rPr>
              <a:t>april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Träningsmatch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Mullsjö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7 April </a:t>
            </a:r>
            <a:r>
              <a:rPr lang="en-GB" sz="1000" dirty="0" err="1">
                <a:solidFill>
                  <a:srgbClr val="001965"/>
                </a:solidFill>
              </a:rPr>
              <a:t>Föräldramöte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11-12 April </a:t>
            </a:r>
            <a:r>
              <a:rPr lang="en-GB" sz="1000" dirty="0">
                <a:solidFill>
                  <a:srgbClr val="001965"/>
                </a:solidFill>
              </a:rPr>
              <a:t>– </a:t>
            </a:r>
            <a:r>
              <a:rPr lang="en-GB" sz="1000" dirty="0" err="1">
                <a:solidFill>
                  <a:srgbClr val="001965"/>
                </a:solidFill>
              </a:rPr>
              <a:t>Lassabollen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Ulricehamn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18-19 April </a:t>
            </a:r>
            <a:r>
              <a:rPr lang="en-GB" sz="1000" dirty="0" err="1">
                <a:solidFill>
                  <a:srgbClr val="001965"/>
                </a:solidFill>
              </a:rPr>
              <a:t>Enstaka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killar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stöttar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upp</a:t>
            </a:r>
            <a:r>
              <a:rPr lang="en-GB" sz="1000" dirty="0">
                <a:solidFill>
                  <a:srgbClr val="001965"/>
                </a:solidFill>
              </a:rPr>
              <a:t> P11 under GIFF</a:t>
            </a: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25 April </a:t>
            </a:r>
            <a:r>
              <a:rPr lang="en-GB" sz="1000" dirty="0" err="1">
                <a:solidFill>
                  <a:srgbClr val="001965"/>
                </a:solidFill>
              </a:rPr>
              <a:t>Seriestart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27 April </a:t>
            </a:r>
            <a:r>
              <a:rPr lang="en-GB" sz="1000" b="1" dirty="0" err="1">
                <a:solidFill>
                  <a:srgbClr val="001965"/>
                </a:solidFill>
              </a:rPr>
              <a:t>Domarutbildning</a:t>
            </a:r>
            <a:r>
              <a:rPr lang="en-GB" sz="1000" b="1" dirty="0">
                <a:solidFill>
                  <a:srgbClr val="001965"/>
                </a:solidFill>
              </a:rPr>
              <a:t> #2</a:t>
            </a:r>
          </a:p>
          <a:p>
            <a:pPr>
              <a:lnSpc>
                <a:spcPct val="120000"/>
              </a:lnSpc>
            </a:pPr>
            <a:endParaRPr lang="en-GB" sz="1000" b="1" dirty="0">
              <a:solidFill>
                <a:srgbClr val="001965"/>
              </a:solidFill>
            </a:endParaRP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CC78ADBC-155E-6BCB-111A-0E63F9E29D68}"/>
              </a:ext>
            </a:extLst>
          </p:cNvPr>
          <p:cNvSpPr txBox="1"/>
          <p:nvPr/>
        </p:nvSpPr>
        <p:spPr>
          <a:xfrm>
            <a:off x="7013793" y="5285826"/>
            <a:ext cx="3695473" cy="466410"/>
          </a:xfrm>
          <a:prstGeom prst="rect">
            <a:avLst/>
          </a:prstGeom>
          <a:noFill/>
        </p:spPr>
        <p:txBody>
          <a:bodyPr vert="horz"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Maj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3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r>
              <a:rPr lang="en-GB" sz="1050" dirty="0">
                <a:solidFill>
                  <a:srgbClr val="002060"/>
                </a:solidFill>
              </a:rPr>
              <a:t> i </a:t>
            </a:r>
            <a:r>
              <a:rPr lang="en-GB" sz="1050" dirty="0" err="1">
                <a:solidFill>
                  <a:srgbClr val="002060"/>
                </a:solidFill>
              </a:rPr>
              <a:t>veckan</a:t>
            </a:r>
            <a:endParaRPr lang="en-GB" sz="1050" dirty="0">
              <a:solidFill>
                <a:srgbClr val="002060"/>
              </a:solidFill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5B35A078-638A-C165-E830-191C6B1660BD}"/>
              </a:ext>
            </a:extLst>
          </p:cNvPr>
          <p:cNvSpPr txBox="1"/>
          <p:nvPr/>
        </p:nvSpPr>
        <p:spPr>
          <a:xfrm>
            <a:off x="1471820" y="2785843"/>
            <a:ext cx="1797757" cy="8542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1965"/>
                </a:solidFill>
              </a:rPr>
              <a:t>Oktober</a:t>
            </a:r>
            <a:endParaRPr lang="en-GB" sz="105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1965"/>
                </a:solidFill>
              </a:rPr>
              <a:t>17 </a:t>
            </a:r>
            <a:r>
              <a:rPr lang="en-GB" sz="1050" b="1" dirty="0" err="1">
                <a:solidFill>
                  <a:srgbClr val="001965"/>
                </a:solidFill>
              </a:rPr>
              <a:t>okt</a:t>
            </a:r>
            <a:r>
              <a:rPr lang="en-GB" sz="1050" dirty="0">
                <a:solidFill>
                  <a:srgbClr val="001965"/>
                </a:solidFill>
              </a:rPr>
              <a:t> </a:t>
            </a:r>
            <a:r>
              <a:rPr lang="en-GB" sz="1050" dirty="0" err="1">
                <a:solidFill>
                  <a:srgbClr val="001965"/>
                </a:solidFill>
              </a:rPr>
              <a:t>Städdag</a:t>
            </a:r>
            <a:endParaRPr lang="en-GB" sz="105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1965"/>
                </a:solidFill>
              </a:rPr>
              <a:t>Avslutning</a:t>
            </a:r>
            <a:endParaRPr lang="en-GB" sz="105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1965"/>
                </a:solidFill>
              </a:rPr>
              <a:t>Vinteruppehåll</a:t>
            </a:r>
            <a:endParaRPr lang="en-GB" sz="1050" dirty="0">
              <a:solidFill>
                <a:srgbClr val="001965"/>
              </a:solidFill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C31D910-F173-6F4B-005C-11AC3A479FC5}"/>
              </a:ext>
            </a:extLst>
          </p:cNvPr>
          <p:cNvSpPr txBox="1"/>
          <p:nvPr/>
        </p:nvSpPr>
        <p:spPr>
          <a:xfrm>
            <a:off x="1785695" y="5197486"/>
            <a:ext cx="2556204" cy="1136337"/>
          </a:xfrm>
          <a:prstGeom prst="rect">
            <a:avLst/>
          </a:prstGeom>
          <a:noFill/>
        </p:spPr>
        <p:txBody>
          <a:bodyPr vert="horz"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Augusti</a:t>
            </a: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Träningen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  <a:r>
              <a:rPr lang="en-GB" sz="1050" dirty="0" err="1">
                <a:solidFill>
                  <a:srgbClr val="002060"/>
                </a:solidFill>
              </a:rPr>
              <a:t>drar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  <a:r>
              <a:rPr lang="en-GB" sz="1050" dirty="0" err="1">
                <a:solidFill>
                  <a:srgbClr val="002060"/>
                </a:solidFill>
              </a:rPr>
              <a:t>igång</a:t>
            </a:r>
            <a:r>
              <a:rPr lang="en-GB" sz="1050" dirty="0">
                <a:solidFill>
                  <a:srgbClr val="002060"/>
                </a:solidFill>
              </a:rPr>
              <a:t> 3/8</a:t>
            </a: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3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r>
              <a:rPr lang="en-GB" sz="1050" dirty="0">
                <a:solidFill>
                  <a:srgbClr val="002060"/>
                </a:solidFill>
              </a:rPr>
              <a:t> i </a:t>
            </a:r>
            <a:r>
              <a:rPr lang="en-GB" sz="1050" dirty="0" err="1">
                <a:solidFill>
                  <a:srgbClr val="002060"/>
                </a:solidFill>
              </a:rPr>
              <a:t>veckan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</a:p>
          <a:p>
            <a:pPr>
              <a:lnSpc>
                <a:spcPts val="1400"/>
              </a:lnSpc>
              <a:spcAft>
                <a:spcPts val="800"/>
              </a:spcAft>
              <a:buNone/>
            </a:pPr>
            <a:r>
              <a:rPr lang="sv" sz="1050" b="1" dirty="0">
                <a:solidFill>
                  <a:srgbClr val="002060"/>
                </a:solidFill>
              </a:rPr>
              <a:t>14-16 aug </a:t>
            </a:r>
            <a:r>
              <a:rPr lang="sv" sz="1050" dirty="0">
                <a:solidFill>
                  <a:srgbClr val="002060"/>
                </a:solidFill>
              </a:rPr>
              <a:t>Vätterbygden Cup</a:t>
            </a:r>
            <a:endParaRPr lang="en-SE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endParaRPr lang="en-GB" sz="1050" dirty="0">
              <a:solidFill>
                <a:srgbClr val="002060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06FCDC28-41FE-B039-80FF-7771794CA7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01414" y="3549892"/>
            <a:ext cx="2061926" cy="958731"/>
          </a:xfrm>
        </p:spPr>
        <p:txBody>
          <a:bodyPr vert="horz"/>
          <a:lstStyle/>
          <a:p>
            <a:pPr marL="0" marR="0" lvl="0" indent="0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2400" b="1" cap="all" dirty="0">
                <a:solidFill>
                  <a:schemeClr val="tx2"/>
                </a:solidFill>
                <a:latin typeface="+mj-lt"/>
                <a:ea typeface="+mj-ea"/>
                <a:cs typeface="+mj-cs"/>
              </a:rPr>
              <a:t>Årshjul p12</a:t>
            </a:r>
            <a:br>
              <a:rPr lang="da-DK" sz="2400" b="1" cap="all" dirty="0">
                <a:solidFill>
                  <a:schemeClr val="tx2"/>
                </a:solidFill>
                <a:latin typeface="+mj-lt"/>
                <a:ea typeface="+mj-ea"/>
                <a:cs typeface="+mj-cs"/>
              </a:rPr>
            </a:br>
            <a:endParaRPr lang="en-GB" sz="2400" b="1" cap="all" dirty="0">
              <a:solidFill>
                <a:schemeClr val="tx2"/>
              </a:solidFill>
              <a:latin typeface="+mj-lt"/>
              <a:ea typeface="+mj-ea"/>
              <a:cs typeface="+mj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0A66813-CF83-8A03-7730-6383B98CB234}"/>
              </a:ext>
            </a:extLst>
          </p:cNvPr>
          <p:cNvSpPr txBox="1"/>
          <p:nvPr/>
        </p:nvSpPr>
        <p:spPr>
          <a:xfrm>
            <a:off x="5728203" y="6016026"/>
            <a:ext cx="2586238" cy="854208"/>
          </a:xfrm>
          <a:prstGeom prst="rect">
            <a:avLst/>
          </a:prstGeom>
          <a:noFill/>
        </p:spPr>
        <p:txBody>
          <a:bodyPr vert="horz"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Juni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3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r>
              <a:rPr lang="en-GB" sz="1050" dirty="0">
                <a:solidFill>
                  <a:srgbClr val="002060"/>
                </a:solidFill>
              </a:rPr>
              <a:t> i </a:t>
            </a:r>
            <a:r>
              <a:rPr lang="en-GB" sz="1050" dirty="0" err="1">
                <a:solidFill>
                  <a:srgbClr val="002060"/>
                </a:solidFill>
              </a:rPr>
              <a:t>veckan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HaboCupen</a:t>
            </a:r>
            <a:r>
              <a:rPr lang="en-GB" sz="1050" dirty="0">
                <a:solidFill>
                  <a:srgbClr val="002060"/>
                </a:solidFill>
              </a:rPr>
              <a:t> 27-28 – </a:t>
            </a:r>
            <a:r>
              <a:rPr lang="en-GB" sz="1050" dirty="0" err="1">
                <a:solidFill>
                  <a:srgbClr val="002060"/>
                </a:solidFill>
              </a:rPr>
              <a:t>Föräldraruppdrag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Korvgrillning</a:t>
            </a:r>
            <a:endParaRPr lang="en-GB" sz="1050" dirty="0">
              <a:solidFill>
                <a:srgbClr val="002060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37749A-E56F-9147-32C6-13282E004315}"/>
              </a:ext>
            </a:extLst>
          </p:cNvPr>
          <p:cNvSpPr txBox="1"/>
          <p:nvPr/>
        </p:nvSpPr>
        <p:spPr>
          <a:xfrm>
            <a:off x="3894307" y="6016026"/>
            <a:ext cx="1496923" cy="660309"/>
          </a:xfrm>
          <a:prstGeom prst="rect">
            <a:avLst/>
          </a:prstGeom>
          <a:noFill/>
        </p:spPr>
        <p:txBody>
          <a:bodyPr vert="horz"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Juli</a:t>
            </a: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Spontana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LAXA-</a:t>
            </a:r>
            <a:r>
              <a:rPr lang="en-GB" sz="1050" dirty="0" err="1">
                <a:solidFill>
                  <a:srgbClr val="002060"/>
                </a:solidFill>
              </a:rPr>
              <a:t>CUPen</a:t>
            </a:r>
            <a:r>
              <a:rPr lang="en-GB" sz="1050" dirty="0">
                <a:solidFill>
                  <a:srgbClr val="002060"/>
                </a:solidFill>
              </a:rPr>
              <a:t> 23-26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28EC797-6AEF-3019-614F-705D31CDB98D}"/>
              </a:ext>
            </a:extLst>
          </p:cNvPr>
          <p:cNvSpPr txBox="1"/>
          <p:nvPr/>
        </p:nvSpPr>
        <p:spPr>
          <a:xfrm>
            <a:off x="3256794" y="1084415"/>
            <a:ext cx="1485693" cy="44858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December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1 </a:t>
            </a:r>
            <a:r>
              <a:rPr lang="en-GB" sz="1000" dirty="0" err="1">
                <a:solidFill>
                  <a:srgbClr val="001965"/>
                </a:solidFill>
              </a:rPr>
              <a:t>träning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B2E27A-1F39-A113-2253-4B7473440E2A}"/>
              </a:ext>
            </a:extLst>
          </p:cNvPr>
          <p:cNvSpPr txBox="1"/>
          <p:nvPr/>
        </p:nvSpPr>
        <p:spPr>
          <a:xfrm>
            <a:off x="7019711" y="1912941"/>
            <a:ext cx="3860477" cy="63325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 err="1">
                <a:solidFill>
                  <a:srgbClr val="001965"/>
                </a:solidFill>
              </a:rPr>
              <a:t>Februari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1-2 </a:t>
            </a:r>
            <a:r>
              <a:rPr lang="en-GB" sz="1000" dirty="0" err="1">
                <a:solidFill>
                  <a:srgbClr val="001965"/>
                </a:solidFill>
              </a:rPr>
              <a:t>träningar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21 </a:t>
            </a:r>
            <a:r>
              <a:rPr lang="en-GB" sz="1000" b="1" dirty="0" err="1">
                <a:solidFill>
                  <a:srgbClr val="001965"/>
                </a:solidFill>
              </a:rPr>
              <a:t>feb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Nattfotboll</a:t>
            </a:r>
            <a:endParaRPr lang="en-GB" sz="1000" dirty="0">
              <a:solidFill>
                <a:srgbClr val="001965"/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F95764F-139D-1067-A7D2-AC4DBB30A11A}"/>
              </a:ext>
            </a:extLst>
          </p:cNvPr>
          <p:cNvSpPr txBox="1"/>
          <p:nvPr/>
        </p:nvSpPr>
        <p:spPr>
          <a:xfrm>
            <a:off x="5847367" y="1161458"/>
            <a:ext cx="1452367" cy="63325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 err="1">
                <a:solidFill>
                  <a:srgbClr val="001965"/>
                </a:solidFill>
              </a:rPr>
              <a:t>Januari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1 </a:t>
            </a:r>
            <a:r>
              <a:rPr lang="en-GB" sz="1000" dirty="0" err="1">
                <a:solidFill>
                  <a:srgbClr val="001965"/>
                </a:solidFill>
              </a:rPr>
              <a:t>träning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9 </a:t>
            </a:r>
            <a:r>
              <a:rPr lang="en-GB" sz="1000" b="1" dirty="0" err="1">
                <a:solidFill>
                  <a:srgbClr val="001965"/>
                </a:solidFill>
              </a:rPr>
              <a:t>jan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Ledarmöte</a:t>
            </a:r>
            <a:endParaRPr lang="en-GB" sz="1000" dirty="0">
              <a:solidFill>
                <a:srgbClr val="001965"/>
              </a:solidFill>
            </a:endParaRPr>
          </a:p>
        </p:txBody>
      </p:sp>
      <p:sp>
        <p:nvSpPr>
          <p:cNvPr id="15" name="Rektangel 36">
            <a:extLst>
              <a:ext uri="{FF2B5EF4-FFF2-40B4-BE49-F238E27FC236}">
                <a16:creationId xmlns:a16="http://schemas.microsoft.com/office/drawing/2014/main" id="{BBED5E82-395E-5BA1-F2BA-1B7FBB4218BD}"/>
              </a:ext>
            </a:extLst>
          </p:cNvPr>
          <p:cNvSpPr/>
          <p:nvPr/>
        </p:nvSpPr>
        <p:spPr>
          <a:xfrm>
            <a:off x="9812060" y="5437047"/>
            <a:ext cx="2177865" cy="1239288"/>
          </a:xfrm>
          <a:prstGeom prst="rect">
            <a:avLst/>
          </a:prstGeom>
          <a:solidFill>
            <a:sysClr val="window" lastClr="FFFFFF"/>
          </a:solidFill>
          <a:ln w="25400" cap="flat" cmpd="sng" algn="ctr">
            <a:solidFill>
              <a:srgbClr val="FFFF80"/>
            </a:solidFill>
            <a:prstDash val="solid"/>
          </a:ln>
          <a:effectLst/>
        </p:spPr>
        <p:txBody>
          <a:bodyPr rot="0" spcFirstLastPara="0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11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Träningstider </a:t>
            </a:r>
          </a:p>
          <a:p>
            <a:pPr marL="0" marR="0" lvl="0" indent="0" defTabSz="91440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11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Mån: 18:30-20.00 Konstgräs</a:t>
            </a:r>
            <a:endParaRPr kumimoji="0" lang="sv-SE" sz="11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Times New Roman" panose="02020603050405020304" pitchFamily="18" charset="0"/>
              <a:cs typeface="+mn-cs"/>
            </a:endParaRPr>
          </a:p>
          <a:p>
            <a:pPr marL="0" marR="0" lvl="0" indent="0" defTabSz="91440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Tis:   18</a:t>
            </a:r>
            <a:r>
              <a:rPr lang="en-US" sz="1100" kern="0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:</a:t>
            </a:r>
            <a:r>
              <a:rPr kumimoji="0" lang="en-US" sz="11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30-20:00 B-plan (</a:t>
            </a:r>
            <a:r>
              <a:rPr kumimoji="0" lang="en-US" sz="11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hel</a:t>
            </a:r>
            <a:r>
              <a:rPr kumimoji="0" lang="en-US" sz="11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)</a:t>
            </a:r>
            <a:endParaRPr kumimoji="0" lang="sv-SE" sz="11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Times New Roman" panose="02020603050405020304" pitchFamily="18" charset="0"/>
              <a:cs typeface="+mn-cs"/>
            </a:endParaRPr>
          </a:p>
          <a:p>
            <a:pPr marL="0" marR="0" lvl="0" indent="0" defTabSz="91440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Tors: 17.00-18:30 B-plan (</a:t>
            </a:r>
            <a:r>
              <a:rPr kumimoji="0" lang="en-US" sz="11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halv</a:t>
            </a:r>
            <a:r>
              <a:rPr kumimoji="0" lang="en-US" sz="11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)</a:t>
            </a:r>
            <a:endParaRPr kumimoji="0" lang="sv-SE" sz="11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Times New Roman" panose="02020603050405020304" pitchFamily="18" charset="0"/>
              <a:cs typeface="+mn-cs"/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EAE003C-6297-B0BB-F322-15AD52F52780}"/>
              </a:ext>
            </a:extLst>
          </p:cNvPr>
          <p:cNvCxnSpPr>
            <a:cxnSpLocks/>
          </p:cNvCxnSpPr>
          <p:nvPr/>
        </p:nvCxnSpPr>
        <p:spPr>
          <a:xfrm>
            <a:off x="8407665" y="5642824"/>
            <a:ext cx="1330269" cy="191847"/>
          </a:xfrm>
          <a:prstGeom prst="straightConnector1">
            <a:avLst/>
          </a:prstGeom>
          <a:ln w="6350">
            <a:solidFill>
              <a:schemeClr val="accent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3" name="Bildobjekt 8">
            <a:extLst>
              <a:ext uri="{FF2B5EF4-FFF2-40B4-BE49-F238E27FC236}">
                <a16:creationId xmlns:a16="http://schemas.microsoft.com/office/drawing/2014/main" id="{79C6FBBF-3A7C-AC14-22BD-931B8EDCD17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10630" y="276040"/>
            <a:ext cx="1979295" cy="1970405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18752907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27EB4E2-16A3-E135-E642-199F382F98B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SE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1EC356-94D7-DF68-0038-6B4AE24436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3</a:t>
            </a:fld>
            <a:endParaRPr lang="en-US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9F59FA39-3F05-4B9B-74AB-84B920002341}"/>
              </a:ext>
            </a:extLst>
          </p:cNvPr>
          <p:cNvSpPr txBox="1"/>
          <p:nvPr/>
        </p:nvSpPr>
        <p:spPr>
          <a:xfrm>
            <a:off x="6026086" y="2418617"/>
            <a:ext cx="6094428" cy="175432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fontAlgn="base"/>
            <a:r>
              <a:rPr lang="sv-SE" dirty="0"/>
              <a:t>Medlemsavgift​/Deltagaravgift: 500:-/1100:-</a:t>
            </a:r>
          </a:p>
          <a:p>
            <a:pPr fontAlgn="base"/>
            <a:endParaRPr lang="sv-SE" dirty="0"/>
          </a:p>
          <a:p>
            <a:pPr fontAlgn="base"/>
            <a:r>
              <a:rPr lang="sv-SE" dirty="0"/>
              <a:t>Fritidskortet </a:t>
            </a:r>
            <a:r>
              <a:rPr lang="en-US" dirty="0"/>
              <a:t>​- </a:t>
            </a:r>
            <a:r>
              <a:rPr lang="en-US" dirty="0" err="1"/>
              <a:t>Anslutna</a:t>
            </a:r>
            <a:r>
              <a:rPr lang="en-US" dirty="0"/>
              <a:t>, </a:t>
            </a:r>
            <a:r>
              <a:rPr lang="en-US" dirty="0" err="1"/>
              <a:t>invänta</a:t>
            </a:r>
            <a:r>
              <a:rPr lang="en-US" dirty="0"/>
              <a:t> </a:t>
            </a:r>
            <a:r>
              <a:rPr lang="en-US" dirty="0" err="1"/>
              <a:t>betalningsavi</a:t>
            </a:r>
            <a:endParaRPr lang="en-US" dirty="0"/>
          </a:p>
          <a:p>
            <a:pPr fontAlgn="base"/>
            <a:endParaRPr lang="en-US" dirty="0"/>
          </a:p>
          <a:p>
            <a:pPr fontAlgn="base"/>
            <a:r>
              <a:rPr lang="sv-SE" dirty="0"/>
              <a:t>Extraträning</a:t>
            </a:r>
            <a:r>
              <a:rPr lang="en-US" dirty="0"/>
              <a:t>​: Start </a:t>
            </a:r>
            <a:r>
              <a:rPr lang="en-US" dirty="0" err="1"/>
              <a:t>vecka</a:t>
            </a:r>
            <a:r>
              <a:rPr lang="en-US" dirty="0"/>
              <a:t> 15</a:t>
            </a:r>
          </a:p>
          <a:p>
            <a:pPr fontAlgn="base"/>
            <a:r>
              <a:rPr lang="en-US" dirty="0"/>
              <a:t>​</a:t>
            </a:r>
            <a:endParaRPr lang="en-SE" dirty="0"/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4E987B7C-D3F5-CF0F-09A3-05426790961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47999" y="1469383"/>
            <a:ext cx="5068007" cy="44202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0333984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865586BF-46D3-6E4E-9E7C-C0FC932764D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-2083394" y="2305278"/>
            <a:ext cx="9144000" cy="1123722"/>
          </a:xfrm>
        </p:spPr>
        <p:txBody>
          <a:bodyPr>
            <a:normAutofit/>
          </a:bodyPr>
          <a:lstStyle/>
          <a:p>
            <a:r>
              <a:rPr lang="sv-SE" sz="4000" dirty="0">
                <a:solidFill>
                  <a:srgbClr val="C1A666"/>
                </a:solidFill>
              </a:rPr>
              <a:t>2 Serier, olika nivåer</a:t>
            </a:r>
          </a:p>
        </p:txBody>
      </p:sp>
      <p:graphicFrame>
        <p:nvGraphicFramePr>
          <p:cNvPr id="4" name="Content Placeholder 20">
            <a:extLst>
              <a:ext uri="{FF2B5EF4-FFF2-40B4-BE49-F238E27FC236}">
                <a16:creationId xmlns:a16="http://schemas.microsoft.com/office/drawing/2014/main" id="{D8480E23-B569-0A51-A34E-9DDD54FAF01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125961743"/>
              </p:ext>
            </p:extLst>
          </p:nvPr>
        </p:nvGraphicFramePr>
        <p:xfrm>
          <a:off x="266701" y="3524250"/>
          <a:ext cx="4443811" cy="2883480"/>
        </p:xfrm>
        <a:graphic>
          <a:graphicData uri="http://schemas.openxmlformats.org/drawingml/2006/table">
            <a:tbl>
              <a:tblPr/>
              <a:tblGrid>
                <a:gridCol w="2229647">
                  <a:extLst>
                    <a:ext uri="{9D8B030D-6E8A-4147-A177-3AD203B41FA5}">
                      <a16:colId xmlns:a16="http://schemas.microsoft.com/office/drawing/2014/main" val="716701751"/>
                    </a:ext>
                  </a:extLst>
                </a:gridCol>
                <a:gridCol w="2214164">
                  <a:extLst>
                    <a:ext uri="{9D8B030D-6E8A-4147-A177-3AD203B41FA5}">
                      <a16:colId xmlns:a16="http://schemas.microsoft.com/office/drawing/2014/main" val="3247462333"/>
                    </a:ext>
                  </a:extLst>
                </a:gridCol>
              </a:tblGrid>
              <a:tr h="288348">
                <a:tc>
                  <a:txBody>
                    <a:bodyPr/>
                    <a:lstStyle/>
                    <a:p>
                      <a:pPr algn="l" fontAlgn="b"/>
                      <a:r>
                        <a:rPr lang="sv-SE" sz="1400" b="1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Serie NV 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400" b="1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Serie NV 3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70056314"/>
                  </a:ext>
                </a:extLst>
              </a:tr>
              <a:tr h="288348"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Assyrisk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Bankeryd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69416235"/>
                  </a:ext>
                </a:extLst>
              </a:tr>
              <a:tr h="288348"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Eksjö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Egnahem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05175256"/>
                  </a:ext>
                </a:extLst>
              </a:tr>
              <a:tr h="288348"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Hag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Forserum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39903668"/>
                  </a:ext>
                </a:extLst>
              </a:tr>
              <a:tr h="288348"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Hallby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Gränn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920482773"/>
                  </a:ext>
                </a:extLst>
              </a:tr>
              <a:tr h="288348"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J-Södr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Hag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86165789"/>
                  </a:ext>
                </a:extLst>
              </a:tr>
              <a:tr h="288348"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Tenhult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Hallby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67548840"/>
                  </a:ext>
                </a:extLst>
              </a:tr>
              <a:tr h="288348"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Tranås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Vist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38600465"/>
                  </a:ext>
                </a:extLst>
              </a:tr>
              <a:tr h="288348"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Vetland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Lekeryd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23892888"/>
                  </a:ext>
                </a:extLst>
              </a:tr>
              <a:tr h="288348">
                <a:tc>
                  <a:txBody>
                    <a:bodyPr/>
                    <a:lstStyle/>
                    <a:p>
                      <a:pPr algn="l" fontAlgn="b"/>
                      <a:endParaRPr lang="sv-SE" sz="1000" b="0" i="0" u="none" strike="noStrike" dirty="0">
                        <a:solidFill>
                          <a:schemeClr val="bg1"/>
                        </a:solidFill>
                        <a:effectLst/>
                        <a:latin typeface="Apis For Office" panose="020B0504010101010104" pitchFamily="34" charset="0"/>
                      </a:endParaRP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sv-SE" sz="1000" b="0" i="0" u="none" strike="noStrike" dirty="0">
                          <a:solidFill>
                            <a:schemeClr val="bg1"/>
                          </a:solidFill>
                          <a:effectLst/>
                          <a:latin typeface="Apis For Office" panose="020B0504010101010104" pitchFamily="34" charset="0"/>
                        </a:rPr>
                        <a:t>Mullsjö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339916321"/>
                  </a:ext>
                </a:extLst>
              </a:tr>
            </a:tbl>
          </a:graphicData>
        </a:graphic>
      </p:graphicFrame>
      <p:sp>
        <p:nvSpPr>
          <p:cNvPr id="5" name="Rektangel 5">
            <a:extLst>
              <a:ext uri="{FF2B5EF4-FFF2-40B4-BE49-F238E27FC236}">
                <a16:creationId xmlns:a16="http://schemas.microsoft.com/office/drawing/2014/main" id="{778AA1EB-8A0F-8898-B6F2-C18808A6F976}"/>
              </a:ext>
            </a:extLst>
          </p:cNvPr>
          <p:cNvSpPr/>
          <p:nvPr/>
        </p:nvSpPr>
        <p:spPr>
          <a:xfrm>
            <a:off x="8801099" y="3016577"/>
            <a:ext cx="3124200" cy="3599282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25400" cap="flat" cmpd="sng" algn="ctr">
            <a:solidFill>
              <a:srgbClr val="000000"/>
            </a:solidFill>
            <a:prstDash val="solid"/>
          </a:ln>
          <a:effectLst/>
        </p:spPr>
        <p:txBody>
          <a:bodyPr rot="0" spcFirstLastPara="0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ts val="1400"/>
              </a:lnSpc>
              <a:spcAft>
                <a:spcPts val="800"/>
              </a:spcAft>
            </a:pPr>
            <a:endParaRPr lang="sv-SE" b="1" u="sng" dirty="0">
              <a:effectLst/>
              <a:latin typeface="Arial" panose="020B060402020202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b="1" u="sng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Ledare 2026 -Tränarroller</a:t>
            </a:r>
            <a:endParaRPr lang="sv-SE" sz="16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Huvudtränare: Rahm</a:t>
            </a:r>
            <a:endParaRPr lang="sv-SE" sz="16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Tränare: Jakob, Jonas, Dan</a:t>
            </a:r>
            <a:endParaRPr lang="sv-SE" sz="16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Lagledare/Admin: Martin, Daniel</a:t>
            </a:r>
            <a:endParaRPr lang="sv-SE" sz="16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Material: Niklas</a:t>
            </a:r>
            <a:endParaRPr lang="sv-SE" sz="16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Trygghetsansvarig: Anders</a:t>
            </a:r>
            <a:endParaRPr lang="sv-SE" sz="16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Sjukvård: Martin</a:t>
            </a:r>
            <a:endParaRPr lang="sv-SE" sz="16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Föräldrarep: Marie, Sara, Kristin</a:t>
            </a:r>
            <a:endParaRPr lang="sv-SE" sz="16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1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		</a:t>
            </a:r>
            <a:endParaRPr lang="sv-SE" sz="11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1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	</a:t>
            </a:r>
            <a:endParaRPr lang="sv-SE" sz="11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>
              <a:lnSpc>
                <a:spcPts val="1400"/>
              </a:lnSpc>
              <a:spcAft>
                <a:spcPts val="800"/>
              </a:spcAft>
            </a:pPr>
            <a:r>
              <a:rPr lang="sv-SE" sz="11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		</a:t>
            </a:r>
            <a:endParaRPr lang="sv-SE" sz="11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algn="ctr">
              <a:lnSpc>
                <a:spcPts val="1400"/>
              </a:lnSpc>
              <a:spcAft>
                <a:spcPts val="800"/>
              </a:spcAft>
            </a:pPr>
            <a:r>
              <a:rPr lang="sv-SE" sz="1100" dirty="0"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 </a:t>
            </a:r>
            <a:endParaRPr lang="sv-SE" sz="11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56539631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13290DAB-CAC0-573F-1E1F-7BF09A6DCF3F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367654138"/>
              </p:ext>
            </p:extLst>
          </p:nvPr>
        </p:nvGraphicFramePr>
        <p:xfrm>
          <a:off x="94268" y="75415"/>
          <a:ext cx="7447176" cy="6082694"/>
        </p:xfrm>
        <a:graphic>
          <a:graphicData uri="http://schemas.openxmlformats.org/drawingml/2006/table">
            <a:tbl>
              <a:tblPr/>
              <a:tblGrid>
                <a:gridCol w="1691248">
                  <a:extLst>
                    <a:ext uri="{9D8B030D-6E8A-4147-A177-3AD203B41FA5}">
                      <a16:colId xmlns:a16="http://schemas.microsoft.com/office/drawing/2014/main" val="3342797716"/>
                    </a:ext>
                  </a:extLst>
                </a:gridCol>
                <a:gridCol w="1705460">
                  <a:extLst>
                    <a:ext uri="{9D8B030D-6E8A-4147-A177-3AD203B41FA5}">
                      <a16:colId xmlns:a16="http://schemas.microsoft.com/office/drawing/2014/main" val="3060265802"/>
                    </a:ext>
                  </a:extLst>
                </a:gridCol>
                <a:gridCol w="1549127">
                  <a:extLst>
                    <a:ext uri="{9D8B030D-6E8A-4147-A177-3AD203B41FA5}">
                      <a16:colId xmlns:a16="http://schemas.microsoft.com/office/drawing/2014/main" val="2861221567"/>
                    </a:ext>
                  </a:extLst>
                </a:gridCol>
                <a:gridCol w="2501341">
                  <a:extLst>
                    <a:ext uri="{9D8B030D-6E8A-4147-A177-3AD203B41FA5}">
                      <a16:colId xmlns:a16="http://schemas.microsoft.com/office/drawing/2014/main" val="2689460509"/>
                    </a:ext>
                  </a:extLst>
                </a:gridCol>
              </a:tblGrid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Hallby FK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5-04-2026 00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Bymarksvallen 2, Jönköping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393821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Tranås FF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6-04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958418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Tenhults IF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02-05-2026 15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Furuvi 1, Lekeryd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6721798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Egnahems BK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03-05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11821098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Lekeryd-Svarttorps SK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10-05-2026 18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Ribbavallen 11, Gränna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371671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Haga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17-05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77234266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Jönköpings Södra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17-05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Gruveredsvallen 5, Mullsjö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45125830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Hallby FK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4-05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Trollevi 11, Forserum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24690470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Gränna AIS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4-05-2026 10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5362472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K Vista /ÖIS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31-05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90367195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Haga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31-05-2026 17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Runnåkra IP 11, Huskvarna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24741431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Mullsjö IF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06-06-2026 10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01021368"/>
                  </a:ext>
                </a:extLst>
              </a:tr>
              <a:tr h="144182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Eksjö Fotboll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07-06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trömsbergsvallen 21, Jönköping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72857756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Forserums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13-06-2026 14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83015087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Vetlanda F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14-06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Vistavallen 21, Kaxholmen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83255103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Bankeryds SK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1-06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65303231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Assyriska IK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1-06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15344411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Tranås FF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7-06-2026 13:3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Furuvik 11, Bankeryd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35057136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Hallby FK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8-06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45892347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Egnahems BK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16-08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Kabevallen 1, Tenhult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16299855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Tenhults IF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16-08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Jordbrovallen 21, Jönköping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28372005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Lekeryd-Svarttorps SK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3-08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27697575"/>
                  </a:ext>
                </a:extLst>
              </a:tr>
              <a:tr h="171216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Haga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9-08-2026 11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trömsbergsvallen 21, Jönköping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06360018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Jönköpings Södra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30-08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13000931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Gränna AIS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06-09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39222938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Hallby FK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06-09-2026 16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Öxnehaga IP, Huskvarna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78663922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Haga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13-09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Bredstorps IP 31, Tranås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34911455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K Vista /ÖIS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13-09-2026 17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4755888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Mullsjö IF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0-09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2435619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IF Eksjö Fotboll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0-09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Bymarksvallen 2, Jönköping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36356753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Forserums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7-09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14343424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Vetlanda F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27-09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Ränneborg 41, Eksjö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69727585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Assyriska IK 1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04-10-2026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Vitalavallen 21, Vetlanda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70404964"/>
                  </a:ext>
                </a:extLst>
              </a:tr>
              <a:tr h="180228"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Bankeryds SK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Habo IF 2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en-SE" sz="900" b="0" i="0" u="none" strike="noStrike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04-10-2026 16:00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>
                        <a:buNone/>
                      </a:pPr>
                      <a:r>
                        <a:rPr lang="da-DK" sz="900" b="0" i="0" u="none" strike="noStrike" dirty="0">
                          <a:solidFill>
                            <a:srgbClr val="3D3D3D"/>
                          </a:solidFill>
                          <a:effectLst/>
                          <a:latin typeface="Verdana" panose="020B0604030504040204" pitchFamily="34" charset="0"/>
                        </a:rPr>
                        <a:t>Slättens IP, Habo</a:t>
                      </a:r>
                    </a:p>
                  </a:txBody>
                  <a:tcPr marL="6446" marR="6446" marT="6446" marB="0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9545061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63762167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289694E5-C3B5-CEB7-AB3E-3188507F52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</p:spPr>
        <p:txBody>
          <a:bodyPr/>
          <a:lstStyle/>
          <a:p>
            <a:endParaRPr lang="en-US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5A2B010F-FBF3-A4D7-0EE0-764B58C08867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13482" b="10938"/>
          <a:stretch/>
        </p:blipFill>
        <p:spPr>
          <a:xfrm>
            <a:off x="153347" y="365125"/>
            <a:ext cx="12038653" cy="4981575"/>
          </a:xfrm>
          <a:prstGeom prst="rect">
            <a:avLst/>
          </a:prstGeom>
          <a:noFill/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B095EB72-C825-D01E-A3B8-969757AB265B}"/>
              </a:ext>
            </a:extLst>
          </p:cNvPr>
          <p:cNvSpPr txBox="1"/>
          <p:nvPr/>
        </p:nvSpPr>
        <p:spPr>
          <a:xfrm>
            <a:off x="8878726" y="2693252"/>
            <a:ext cx="47481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/>
              <a:t>6:a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750D5F7-99B9-7253-47F2-0133218E9295}"/>
              </a:ext>
            </a:extLst>
          </p:cNvPr>
          <p:cNvSpPr txBox="1"/>
          <p:nvPr/>
        </p:nvSpPr>
        <p:spPr>
          <a:xfrm>
            <a:off x="7444099" y="3062584"/>
            <a:ext cx="47481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/>
              <a:t>8:a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0DC81A5-621A-F722-62C8-A3A67F45DD5E}"/>
              </a:ext>
            </a:extLst>
          </p:cNvPr>
          <p:cNvSpPr txBox="1"/>
          <p:nvPr/>
        </p:nvSpPr>
        <p:spPr>
          <a:xfrm>
            <a:off x="11250316" y="2648650"/>
            <a:ext cx="93673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/>
              <a:t>Målvakt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3F239C5-53EB-7098-AD48-B106B450CB01}"/>
              </a:ext>
            </a:extLst>
          </p:cNvPr>
          <p:cNvSpPr txBox="1"/>
          <p:nvPr/>
        </p:nvSpPr>
        <p:spPr>
          <a:xfrm>
            <a:off x="7444099" y="2284303"/>
            <a:ext cx="47481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/>
              <a:t>8:a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CBE7132-F375-1DF6-AE38-63E4417FF93E}"/>
              </a:ext>
            </a:extLst>
          </p:cNvPr>
          <p:cNvSpPr txBox="1"/>
          <p:nvPr/>
        </p:nvSpPr>
        <p:spPr>
          <a:xfrm>
            <a:off x="8289462" y="4780815"/>
            <a:ext cx="117852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/>
              <a:t>Wing-back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0A732922-E2A4-32D1-EE3F-B1C9F47E84BA}"/>
              </a:ext>
            </a:extLst>
          </p:cNvPr>
          <p:cNvSpPr txBox="1"/>
          <p:nvPr/>
        </p:nvSpPr>
        <p:spPr>
          <a:xfrm>
            <a:off x="8289462" y="594191"/>
            <a:ext cx="117852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/>
              <a:t>Wing-back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AEBF6A-CF5B-6D99-25FE-F33EC2E68A30}"/>
              </a:ext>
            </a:extLst>
          </p:cNvPr>
          <p:cNvSpPr txBox="1"/>
          <p:nvPr/>
        </p:nvSpPr>
        <p:spPr>
          <a:xfrm>
            <a:off x="6096000" y="2648650"/>
            <a:ext cx="96250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/>
              <a:t>Forward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16992F4-4E53-7A3C-4A89-ABCD557DA20C}"/>
              </a:ext>
            </a:extLst>
          </p:cNvPr>
          <p:cNvSpPr txBox="1"/>
          <p:nvPr/>
        </p:nvSpPr>
        <p:spPr>
          <a:xfrm>
            <a:off x="9658170" y="3331975"/>
            <a:ext cx="10197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/>
              <a:t>Mittback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90B45A8-BC0B-52E1-77A0-03DF46ED09B9}"/>
              </a:ext>
            </a:extLst>
          </p:cNvPr>
          <p:cNvSpPr txBox="1"/>
          <p:nvPr/>
        </p:nvSpPr>
        <p:spPr>
          <a:xfrm>
            <a:off x="9679764" y="1960079"/>
            <a:ext cx="10197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/>
              <a:t>Mittback</a:t>
            </a:r>
          </a:p>
        </p:txBody>
      </p:sp>
    </p:spTree>
    <p:extLst>
      <p:ext uri="{BB962C8B-B14F-4D97-AF65-F5344CB8AC3E}">
        <p14:creationId xmlns:p14="http://schemas.microsoft.com/office/powerpoint/2010/main" val="229349878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BF6F55-2BAC-C639-27C0-159B704A18B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>
            <a:extLst>
              <a:ext uri="{FF2B5EF4-FFF2-40B4-BE49-F238E27FC236}">
                <a16:creationId xmlns:a16="http://schemas.microsoft.com/office/drawing/2014/main" id="{94A79D4C-E679-CA7C-A435-DC1CE307DC3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693" y="1814293"/>
            <a:ext cx="3170195" cy="470652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C152D4AF-3B63-F28D-8E4C-5BE36207C85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774578" y="3327662"/>
            <a:ext cx="8417421" cy="39880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02526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7235" name="Rectangle 7234">
            <a:extLst>
              <a:ext uri="{FF2B5EF4-FFF2-40B4-BE49-F238E27FC236}">
                <a16:creationId xmlns:a16="http://schemas.microsoft.com/office/drawing/2014/main" id="{6B5E2835-4E47-45B3-9CFE-732FF7B0547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81C4DD57-A38C-2F1D-5311-6570347C356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65" r="1065"/>
          <a:stretch>
            <a:fillRect/>
          </a:stretch>
        </p:blipFill>
        <p:spPr bwMode="auto">
          <a:xfrm>
            <a:off x="3242695" y="10"/>
            <a:ext cx="8949307" cy="6857990"/>
          </a:xfrm>
          <a:custGeom>
            <a:avLst/>
            <a:gdLst/>
            <a:ahLst/>
            <a:cxnLst/>
            <a:rect l="l" t="t" r="r" b="b"/>
            <a:pathLst>
              <a:path w="8949307" h="6858000">
                <a:moveTo>
                  <a:pt x="0" y="0"/>
                </a:moveTo>
                <a:lnTo>
                  <a:pt x="8949307" y="0"/>
                </a:lnTo>
                <a:lnTo>
                  <a:pt x="8949307" y="6858000"/>
                </a:lnTo>
                <a:lnTo>
                  <a:pt x="0" y="6858000"/>
                </a:lnTo>
                <a:lnTo>
                  <a:pt x="62983" y="6788730"/>
                </a:lnTo>
                <a:cubicBezTo>
                  <a:pt x="773509" y="5928900"/>
                  <a:pt x="1212979" y="4741056"/>
                  <a:pt x="1212979" y="3429000"/>
                </a:cubicBezTo>
                <a:cubicBezTo>
                  <a:pt x="1212979" y="2116944"/>
                  <a:pt x="773509" y="929100"/>
                  <a:pt x="62983" y="69271"/>
                </a:cubicBezTo>
                <a:close/>
              </a:path>
            </a:pathLst>
          </a:cu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 useBgFill="1">
        <p:nvSpPr>
          <p:cNvPr id="7237" name="Freeform: Shape 7236">
            <a:extLst>
              <a:ext uri="{FF2B5EF4-FFF2-40B4-BE49-F238E27FC236}">
                <a16:creationId xmlns:a16="http://schemas.microsoft.com/office/drawing/2014/main" id="{5B45AD5D-AA52-4F7B-9362-576A39AD9E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1" y="0"/>
            <a:ext cx="4455673" cy="6858000"/>
          </a:xfrm>
          <a:custGeom>
            <a:avLst/>
            <a:gdLst>
              <a:gd name="connsiteX0" fmla="*/ 0 w 4455673"/>
              <a:gd name="connsiteY0" fmla="*/ 0 h 6858000"/>
              <a:gd name="connsiteX1" fmla="*/ 3242695 w 4455673"/>
              <a:gd name="connsiteY1" fmla="*/ 0 h 6858000"/>
              <a:gd name="connsiteX2" fmla="*/ 3305678 w 4455673"/>
              <a:gd name="connsiteY2" fmla="*/ 69271 h 6858000"/>
              <a:gd name="connsiteX3" fmla="*/ 4455673 w 4455673"/>
              <a:gd name="connsiteY3" fmla="*/ 3429000 h 6858000"/>
              <a:gd name="connsiteX4" fmla="*/ 3305678 w 4455673"/>
              <a:gd name="connsiteY4" fmla="*/ 6788730 h 6858000"/>
              <a:gd name="connsiteX5" fmla="*/ 3242695 w 4455673"/>
              <a:gd name="connsiteY5" fmla="*/ 6858000 h 6858000"/>
              <a:gd name="connsiteX6" fmla="*/ 0 w 4455673"/>
              <a:gd name="connsiteY6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55673" h="6858000">
                <a:moveTo>
                  <a:pt x="0" y="0"/>
                </a:moveTo>
                <a:lnTo>
                  <a:pt x="3242695" y="0"/>
                </a:lnTo>
                <a:lnTo>
                  <a:pt x="3305678" y="69271"/>
                </a:lnTo>
                <a:cubicBezTo>
                  <a:pt x="4016204" y="929100"/>
                  <a:pt x="4455673" y="2116944"/>
                  <a:pt x="4455673" y="3429000"/>
                </a:cubicBezTo>
                <a:cubicBezTo>
                  <a:pt x="4455673" y="4741056"/>
                  <a:pt x="4016204" y="5928900"/>
                  <a:pt x="3305678" y="6788730"/>
                </a:cubicBezTo>
                <a:lnTo>
                  <a:pt x="3242695" y="6858000"/>
                </a:lnTo>
                <a:lnTo>
                  <a:pt x="0" y="6858000"/>
                </a:lnTo>
                <a:close/>
              </a:path>
            </a:pathLst>
          </a:custGeom>
          <a:ln w="9525">
            <a:solidFill>
              <a:srgbClr val="D5D5D5"/>
            </a:solidFill>
          </a:ln>
          <a:effectLst>
            <a:outerShdw blurRad="50800" dist="38100" algn="l" rotWithShape="0">
              <a:schemeClr val="bg1">
                <a:lumMod val="85000"/>
                <a:alpha val="30000"/>
              </a:scheme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 useBgFill="1">
        <p:nvSpPr>
          <p:cNvPr id="7239" name="Freeform: Shape 7238">
            <a:extLst>
              <a:ext uri="{FF2B5EF4-FFF2-40B4-BE49-F238E27FC236}">
                <a16:creationId xmlns:a16="http://schemas.microsoft.com/office/drawing/2014/main" id="{AEDD7960-4866-4399-BEF6-DD1431AB4E3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4446529" cy="6858000"/>
          </a:xfrm>
          <a:custGeom>
            <a:avLst/>
            <a:gdLst>
              <a:gd name="connsiteX0" fmla="*/ 0 w 4446529"/>
              <a:gd name="connsiteY0" fmla="*/ 0 h 6858000"/>
              <a:gd name="connsiteX1" fmla="*/ 3233551 w 4446529"/>
              <a:gd name="connsiteY1" fmla="*/ 0 h 6858000"/>
              <a:gd name="connsiteX2" fmla="*/ 3296534 w 4446529"/>
              <a:gd name="connsiteY2" fmla="*/ 69271 h 6858000"/>
              <a:gd name="connsiteX3" fmla="*/ 4446529 w 4446529"/>
              <a:gd name="connsiteY3" fmla="*/ 3429000 h 6858000"/>
              <a:gd name="connsiteX4" fmla="*/ 3296534 w 4446529"/>
              <a:gd name="connsiteY4" fmla="*/ 6788730 h 6858000"/>
              <a:gd name="connsiteX5" fmla="*/ 3233551 w 4446529"/>
              <a:gd name="connsiteY5" fmla="*/ 6858000 h 6858000"/>
              <a:gd name="connsiteX6" fmla="*/ 0 w 4446529"/>
              <a:gd name="connsiteY6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46529" h="6858000">
                <a:moveTo>
                  <a:pt x="0" y="0"/>
                </a:moveTo>
                <a:lnTo>
                  <a:pt x="3233551" y="0"/>
                </a:lnTo>
                <a:lnTo>
                  <a:pt x="3296534" y="69271"/>
                </a:lnTo>
                <a:cubicBezTo>
                  <a:pt x="4007060" y="929100"/>
                  <a:pt x="4446529" y="2116944"/>
                  <a:pt x="4446529" y="3429000"/>
                </a:cubicBezTo>
                <a:cubicBezTo>
                  <a:pt x="4446529" y="4741056"/>
                  <a:pt x="4007060" y="5928900"/>
                  <a:pt x="3296534" y="6788730"/>
                </a:cubicBezTo>
                <a:lnTo>
                  <a:pt x="3233551" y="6858000"/>
                </a:lnTo>
                <a:lnTo>
                  <a:pt x="0" y="6858000"/>
                </a:lnTo>
                <a:close/>
              </a:path>
            </a:pathLst>
          </a:custGeom>
          <a:ln w="9525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EEE5175-4CD4-4B25-8938-1DBA6872C4D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8748" y="1336040"/>
            <a:ext cx="3438144" cy="1125728"/>
          </a:xfrm>
        </p:spPr>
        <p:txBody>
          <a:bodyPr anchor="b">
            <a:normAutofit/>
          </a:bodyPr>
          <a:lstStyle/>
          <a:p>
            <a:r>
              <a:rPr lang="sv-SE" sz="2800" dirty="0"/>
              <a:t>Försäljning</a:t>
            </a:r>
            <a:endParaRPr lang="en-GB" sz="2800" dirty="0"/>
          </a:p>
        </p:txBody>
      </p:sp>
      <p:sp>
        <p:nvSpPr>
          <p:cNvPr id="7241" name="Rectangle 7240">
            <a:extLst>
              <a:ext uri="{FF2B5EF4-FFF2-40B4-BE49-F238E27FC236}">
                <a16:creationId xmlns:a16="http://schemas.microsoft.com/office/drawing/2014/main" id="{55D4142C-5077-457F-A6AD-3FECFDB3968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>
            <a:off x="662559" y="605790"/>
            <a:ext cx="73152" cy="54864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7243" name="Rectangle 7242">
            <a:extLst>
              <a:ext uri="{FF2B5EF4-FFF2-40B4-BE49-F238E27FC236}">
                <a16:creationId xmlns:a16="http://schemas.microsoft.com/office/drawing/2014/main" id="{7A5F0580-5EE9-419F-96EE-B6529EF6E7D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28244" y="2443480"/>
            <a:ext cx="3337560" cy="18288"/>
          </a:xfrm>
          <a:prstGeom prst="rect">
            <a:avLst/>
          </a:prstGeom>
          <a:solidFill>
            <a:srgbClr val="D5D5D5"/>
          </a:solidFill>
          <a:ln w="3175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C81A51E-1600-41C0-BB27-F9E91BF402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71094" y="2718054"/>
            <a:ext cx="3438906" cy="3207258"/>
          </a:xfrm>
        </p:spPr>
        <p:txBody>
          <a:bodyPr anchor="t">
            <a:normAutofit/>
          </a:bodyPr>
          <a:lstStyle/>
          <a:p>
            <a:pPr marL="457200" lvl="1" indent="0">
              <a:buNone/>
            </a:pPr>
            <a:endParaRPr lang="sv-SE" sz="1700" dirty="0"/>
          </a:p>
          <a:p>
            <a:pPr marL="457200" lvl="1" indent="0">
              <a:buNone/>
            </a:pPr>
            <a:r>
              <a:rPr lang="sv-SE" sz="1700" dirty="0"/>
              <a:t>	</a:t>
            </a:r>
          </a:p>
          <a:p>
            <a:pPr lvl="2"/>
            <a:r>
              <a:rPr lang="sv-SE" sz="1700" dirty="0"/>
              <a:t>Bingolotter</a:t>
            </a:r>
          </a:p>
          <a:p>
            <a:pPr lvl="2"/>
            <a:r>
              <a:rPr lang="sv-SE" sz="1700" dirty="0"/>
              <a:t>Stärka lagkassan med egen försäljning?</a:t>
            </a:r>
          </a:p>
          <a:p>
            <a:pPr lvl="3">
              <a:buFont typeface="Wingdings" panose="05000000000000000000" pitchFamily="2" charset="2"/>
              <a:buChar char="Ø"/>
            </a:pPr>
            <a:r>
              <a:rPr lang="sv-SE" sz="1700" dirty="0"/>
              <a:t>Förslag?</a:t>
            </a:r>
          </a:p>
          <a:p>
            <a:endParaRPr lang="sv-SE" sz="1700" dirty="0"/>
          </a:p>
          <a:p>
            <a:endParaRPr lang="en-GB" sz="1700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F12256B-F517-20BF-01A8-79B9F07D167C}"/>
              </a:ext>
            </a:extLst>
          </p:cNvPr>
          <p:cNvSpPr/>
          <p:nvPr/>
        </p:nvSpPr>
        <p:spPr>
          <a:xfrm>
            <a:off x="371094" y="428625"/>
            <a:ext cx="1171956" cy="762762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143273268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3D50D98-786B-C0E5-F820-5A0886E593A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21D073DF-9784-E8FA-60CC-F20D79BB3F23}"/>
              </a:ext>
            </a:extLst>
          </p:cNvPr>
          <p:cNvSpPr txBox="1"/>
          <p:nvPr/>
        </p:nvSpPr>
        <p:spPr>
          <a:xfrm>
            <a:off x="564023" y="2674833"/>
            <a:ext cx="6239978" cy="369331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sv-SE" dirty="0">
                <a:solidFill>
                  <a:schemeClr val="bg1"/>
                </a:solidFill>
              </a:rPr>
              <a:t>Matchvärd – Uppgifter</a:t>
            </a:r>
          </a:p>
          <a:p>
            <a:endParaRPr lang="sv-SE" dirty="0">
              <a:solidFill>
                <a:schemeClr val="bg1"/>
              </a:solidFill>
            </a:endParaRPr>
          </a:p>
          <a:p>
            <a:pPr marL="285750" indent="-285750">
              <a:buFontTx/>
              <a:buChar char="-"/>
            </a:pPr>
            <a:r>
              <a:rPr lang="sv-SE" dirty="0">
                <a:solidFill>
                  <a:schemeClr val="bg1"/>
                </a:solidFill>
              </a:rPr>
              <a:t>Hälsa domare välkomna</a:t>
            </a:r>
          </a:p>
          <a:p>
            <a:pPr marL="285750" indent="-285750">
              <a:buFontTx/>
              <a:buChar char="-"/>
            </a:pPr>
            <a:r>
              <a:rPr lang="sv-SE" dirty="0">
                <a:solidFill>
                  <a:schemeClr val="bg1"/>
                </a:solidFill>
              </a:rPr>
              <a:t>Hälsa bortalag välkomna och visa omklädningsrum</a:t>
            </a:r>
          </a:p>
          <a:p>
            <a:pPr marL="285750" indent="-285750">
              <a:buFontTx/>
              <a:buChar char="-"/>
            </a:pPr>
            <a:endParaRPr lang="sv-SE" dirty="0">
              <a:solidFill>
                <a:schemeClr val="bg1"/>
              </a:solidFill>
            </a:endParaRPr>
          </a:p>
          <a:p>
            <a:pPr marL="285750" indent="-285750">
              <a:buFontTx/>
              <a:buChar char="-"/>
            </a:pPr>
            <a:r>
              <a:rPr lang="sv-SE" dirty="0">
                <a:solidFill>
                  <a:schemeClr val="bg1"/>
                </a:solidFill>
              </a:rPr>
              <a:t>Inför match</a:t>
            </a:r>
          </a:p>
          <a:p>
            <a:pPr marL="742950" lvl="1" indent="-285750">
              <a:buFontTx/>
              <a:buChar char="-"/>
            </a:pPr>
            <a:r>
              <a:rPr lang="sv-SE" dirty="0">
                <a:solidFill>
                  <a:schemeClr val="bg1"/>
                </a:solidFill>
              </a:rPr>
              <a:t>Informera båda lagen om Noll tolerans</a:t>
            </a:r>
          </a:p>
          <a:p>
            <a:pPr marL="1200150" lvl="2" indent="-285750">
              <a:buFontTx/>
              <a:buChar char="-"/>
            </a:pPr>
            <a:r>
              <a:rPr lang="sv-SE" dirty="0">
                <a:solidFill>
                  <a:schemeClr val="bg1"/>
                </a:solidFill>
              </a:rPr>
              <a:t>Ej uttala negativa kommentarer om domslut</a:t>
            </a:r>
          </a:p>
          <a:p>
            <a:pPr marL="1200150" lvl="2" indent="-285750">
              <a:buFontTx/>
              <a:buChar char="-"/>
            </a:pPr>
            <a:r>
              <a:rPr lang="sv-SE" dirty="0">
                <a:solidFill>
                  <a:schemeClr val="bg1"/>
                </a:solidFill>
              </a:rPr>
              <a:t>Schysst approach mot spelare och motståndare</a:t>
            </a:r>
          </a:p>
          <a:p>
            <a:pPr marL="285750" indent="-285750">
              <a:buFontTx/>
              <a:buChar char="-"/>
            </a:pPr>
            <a:r>
              <a:rPr lang="sv-SE" dirty="0">
                <a:solidFill>
                  <a:schemeClr val="bg1"/>
                </a:solidFill>
              </a:rPr>
              <a:t>Under match</a:t>
            </a:r>
          </a:p>
          <a:p>
            <a:pPr marL="742950" lvl="1" indent="-285750">
              <a:buFontTx/>
              <a:buChar char="-"/>
            </a:pPr>
            <a:r>
              <a:rPr lang="sv-SE" dirty="0">
                <a:solidFill>
                  <a:schemeClr val="bg1"/>
                </a:solidFill>
              </a:rPr>
              <a:t>Stötta domare</a:t>
            </a:r>
          </a:p>
          <a:p>
            <a:pPr marL="742950" lvl="1" indent="-285750">
              <a:buFontTx/>
              <a:buChar char="-"/>
            </a:pPr>
            <a:r>
              <a:rPr lang="sv-SE" dirty="0">
                <a:solidFill>
                  <a:schemeClr val="bg1"/>
                </a:solidFill>
              </a:rPr>
              <a:t>Prata med föräldrar och publik om de uppför sig negativt</a:t>
            </a:r>
          </a:p>
          <a:p>
            <a:pPr marL="742950" lvl="1" indent="-285750">
              <a:buFontTx/>
              <a:buChar char="-"/>
            </a:pP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8156347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Novo Nordisk 16:9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Apis Novo Nordisk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lnSpc>
            <a:spcPct val="120000"/>
          </a:lnSpc>
          <a:defRPr sz="20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Blank.potx" id="{E74F5A70-44BF-4AEF-9F91-978B11132E07}" vid="{565FA72A-7CC8-47B7-A269-0957194D19A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-tema">
  <a:themeElements>
    <a:clrScheme name="Habo IF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103C61"/>
      </a:accent1>
      <a:accent2>
        <a:srgbClr val="005D9C"/>
      </a:accent2>
      <a:accent3>
        <a:srgbClr val="D2B267"/>
      </a:accent3>
      <a:accent4>
        <a:srgbClr val="FFFFFF"/>
      </a:accent4>
      <a:accent5>
        <a:srgbClr val="FFFFFF"/>
      </a:accent5>
      <a:accent6>
        <a:srgbClr val="FFFFFF"/>
      </a:accent6>
      <a:hlink>
        <a:srgbClr val="103C61"/>
      </a:hlink>
      <a:folHlink>
        <a:srgbClr val="005D9C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haboif.potx" id="{3C347902-1F77-47F8-BE3D-5155FA2CF097}" vid="{3A6BFA23-A926-48BA-A14B-5C5522477111}"/>
    </a:ext>
  </a:extLst>
</a:theme>
</file>

<file path=ppt/theme/theme4.xml><?xml version="1.0" encoding="utf-8"?>
<a:theme xmlns:a="http://schemas.openxmlformats.org/drawingml/2006/main" name="Office-tema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type":"shape","id":"c9c227f4-8c26-4e0b-8322-1349491b018a","elementConfiguration":{"inheritDimensions":"{{InheritDimensions.InheritNone}}","width":"7.67 cm","height":"3.64 cm","image":"{{Form.PLogoChoice.PLogoInsertion.Image}}","visibility":"","type":"image","disableUpdates":false}},{"type":"shape","id":"80599211-5dd2-40f7-9253-167e1299118d","elementConfiguration":{"inheritDimensions":"{{InheritDimensions.InheritNone}}","width":"7.67 cm","height":"3.64 cm","image":"{{Form.PLogoChoice.PLogoInsertionWhite.Image}}","visibility":"","type":"image","disableUpdates":false}},{"type":"shape","id":"d2c74e02-72cd-4c31-bda6-0d51377b95f0","elementConfiguration":{"inheritDimensions":"{{InheritDimensions.InheritNone}}","width":"7.67 cm","height":"3.64 cm","image":"{{Form.PLogoChoice.PLogoInsertionWhite.Image}}","visibility":"","type":"image","disableUpdates":false}},{"type":"shape","id":"6bb09c38-291a-40fc-9f21-322598dbf764","elementConfiguration":{"inheritDimensions":"{{InheritDimensions.InheritNone}}","width":"7.67 cm","height":"3.64 cm","image":"{{Form.PLogoChoice.PLogoInsertion.Image}}","visibility":"","type":"image","disableUpdates":false}},{"type":"shape","id":"6d5cd887-7f8d-4ace-b0c5-176aa105823f","elementConfiguration":{"inheritDimensions":"{{InheritDimensions.InheritNone}}","width":"7.67 cm","height":"3.64 cm","image":"{{Form.PLogoChoice.PLogoInsertion.Image}}","visibility":"","type":"image","disableUpdates":false}},{"type":"shape","id":"dfaf3a11-8330-4f32-8e98-b0fe97385246","elementConfiguration":{"inheritDimensions":"{{InheritDimensions.InheritNone}}","width":"7.67 cm","height":"3.64 cm","image":"{{Form.PLogoChoice.PLogoInsertionWhite.Image}}","visibility":"","type":"image","disableUpdates":false}},{"type":"shape","id":"da84e5de-a58e-41d9-8944-b7faf5871c01","elementConfiguration":{"inheritDimensions":"{{InheritDimensions.InheritNone}}","width":"7.67 cm","height":"3.64 cm","image":"{{Form.PLogoChoice.PLogoInsertion.Image}}","visibility":"","type":"image","disableUpdates":false}},{"type":"shape","id":"707d5590-19ce-44e5-bc71-1be377f50a45","elementConfiguration":{"inheritDimensions":"{{InheritDimensions.InheritNone}}","width":"7.67 cm","height":"3.64 cm","image":"{{Form.PLogoChoice.PLogoInsertion.Image}}","visibility":"","type":"image","disableUpdates":false}},{"type":"shape","id":"3597c04d-a1d4-4db2-9518-94d467de3247","elementConfiguration":{"inheritDimensions":"{{InheritDimensions.InheritNone}}","width":"7.67 cm","height":"3.64 cm","image":"{{Form.PLogoChoice.PLogoInsertionWhite.Image}}","visibility":"","type":"image","disableUpdates":false}},{"type":"shape","id":"e14c1e8b-e5f8-4300-ad3b-146d5f4e19b1","elementConfiguration":{"inheritDimensions":"{{InheritDimensions.InheritNone}}","width":"7.67 cm","height":"3.64 cm","image":"{{Form.PLogoChoice.PLogoInsertion.Image}}","visibility":"","type":"image","disableUpdates":false}},{"type":"shape","id":"2dd1c52b-e840-4584-af80-3688139ce934","elementConfiguration":{"inheritDimensions":"{{InheritDimensions.InheritNone}}","width":"7.67 cm","height":"3.64 cm","image":"{{Form.PLogoChoice.PLogoInsertionWhite.Image}}","visibility":"","type":"image","disableUpdates":false}},{"type":"shape","id":"33916994-bb0c-44ec-a8d4-4da1879bf7d0","elementConfiguration":{"inheritDimensions":"{{InheritDimensions.InheritNone}}","width":"7.67 cm","height":"3.64 cm","image":"{{Form.PLogoChoice.PLogoInsertion.Image}}","visibility":"","type":"image","disableUpdates":false}},{"type":"shape","id":"90fd5118-93fd-4a18-96fb-0ac0f4384496","elementConfiguration":{"inheritDimensions":"{{InheritDimensions.InheritNone}}","width":"7.67 cm","height":"3.64 cm","image":"{{Form.PLogoChoice.PLogoInsertionWhite.Image}}","visibility":"","type":"image","disableUpdates":false}}],"transformationConfigurations":[],"templateName":"Novo Nordisk template","templateDescription":"","enableDocumentContentUpdater":false,"version":"2.0"}]]></TemplafyTemplateConfiguration>
</file>

<file path=customXml/item2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PLogoChoice","dataSourceFieldName":"LogoUI","name":"PLogoChoice","label":"Choose template version"}],"formDataEntries":[{"name":"PLogoChoice","value":"wOFjggx7WcPEsCGJ0WR8BQ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103413688265054617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626F5D6-ACE2-47C9-A1D2-5866818DBE2E}">
  <ds:schemaRefs/>
</ds:datastoreItem>
</file>

<file path=customXml/itemProps2.xml><?xml version="1.0" encoding="utf-8"?>
<ds:datastoreItem xmlns:ds="http://schemas.openxmlformats.org/officeDocument/2006/customXml" ds:itemID="{C7E8FC0E-283E-401E-B8A8-87907F3228F6}">
  <ds:schemaRefs/>
</ds:datastoreItem>
</file>

<file path=customXml/itemProps3.xml><?xml version="1.0" encoding="utf-8"?>
<ds:datastoreItem xmlns:ds="http://schemas.openxmlformats.org/officeDocument/2006/customXml" ds:itemID="{6B7C7978-AA21-4F31-B059-175009865A6F}">
  <ds:schemaRefs/>
</ds:datastoreItem>
</file>

<file path=customXml/itemProps4.xml><?xml version="1.0" encoding="utf-8"?>
<ds:datastoreItem xmlns:ds="http://schemas.openxmlformats.org/officeDocument/2006/customXml" ds:itemID="{547F00E3-087D-4C22-8CA6-D994FF99EBE4}">
  <ds:schemaRefs/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209</TotalTime>
  <Words>713</Words>
  <Application>Microsoft Office PowerPoint</Application>
  <PresentationFormat>Widescreen</PresentationFormat>
  <Paragraphs>267</Paragraphs>
  <Slides>9</Slides>
  <Notes>3</Notes>
  <HiddenSlides>0</HiddenSlides>
  <MMClips>0</MMClips>
  <ScaleCrop>false</ScaleCrop>
  <HeadingPairs>
    <vt:vector size="8" baseType="variant">
      <vt:variant>
        <vt:lpstr>Fonts Used</vt:lpstr>
      </vt:variant>
      <vt:variant>
        <vt:i4>8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21" baseType="lpstr">
      <vt:lpstr>Arial</vt:lpstr>
      <vt:lpstr>Calibri</vt:lpstr>
      <vt:lpstr>Apis For Office Light</vt:lpstr>
      <vt:lpstr>Verdana</vt:lpstr>
      <vt:lpstr>Apis For Office</vt:lpstr>
      <vt:lpstr>Calibri Light</vt:lpstr>
      <vt:lpstr>Wingdings</vt:lpstr>
      <vt:lpstr>Adelle Sans</vt:lpstr>
      <vt:lpstr>Novo Nordisk 16:9</vt:lpstr>
      <vt:lpstr>Office Theme</vt:lpstr>
      <vt:lpstr>Office-tema</vt:lpstr>
      <vt:lpstr>think-cell Slide</vt:lpstr>
      <vt:lpstr>Föräldramöte P12</vt:lpstr>
      <vt:lpstr>Årshjul p12 </vt:lpstr>
      <vt:lpstr>PowerPoint Presentation</vt:lpstr>
      <vt:lpstr>2 Serier, olika nivåer</vt:lpstr>
      <vt:lpstr>PowerPoint Presentation</vt:lpstr>
      <vt:lpstr>PowerPoint Presentation</vt:lpstr>
      <vt:lpstr>PowerPoint Presentation</vt:lpstr>
      <vt:lpstr>Försäljning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QMKR (Martin Karlsson)</dc:creator>
  <cp:lastModifiedBy>QMKR (Martin Karlsson)</cp:lastModifiedBy>
  <cp:revision>10</cp:revision>
  <dcterms:created xsi:type="dcterms:W3CDTF">2025-02-11T15:02:51Z</dcterms:created>
  <dcterms:modified xsi:type="dcterms:W3CDTF">2026-04-07T20:04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0-25T09:29:38</vt:lpwstr>
  </property>
  <property fmtid="{D5CDD505-2E9C-101B-9397-08002B2CF9AE}" pid="3" name="TemplafyTenantId">
    <vt:lpwstr>novonordisk</vt:lpwstr>
  </property>
  <property fmtid="{D5CDD505-2E9C-101B-9397-08002B2CF9AE}" pid="4" name="TemplafyTemplateId">
    <vt:lpwstr>1034136874765255028</vt:lpwstr>
  </property>
  <property fmtid="{D5CDD505-2E9C-101B-9397-08002B2CF9AE}" pid="5" name="TemplafyUserProfileId">
    <vt:lpwstr>1014098387248611578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